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7231"/>
  <workbookPr/>
  <mc:AlternateContent xmlns:mc="http://schemas.openxmlformats.org/markup-compatibility/2006">
    <mc:Choice Requires="x15">
      <x15ac:absPath xmlns:x15ac="http://schemas.microsoft.com/office/spreadsheetml/2010/11/ac" url="O:\Vertrouwelijk\Financien\2024 Omgevingsdienst\Productencatalogus\"/>
    </mc:Choice>
  </mc:AlternateContent>
  <xr:revisionPtr revIDLastSave="0" documentId="13_ncr:1_{4CDF9820-98CF-4207-AAC7-62C1A6A8D426}" xr6:coauthVersionLast="47" xr6:coauthVersionMax="47" xr10:uidLastSave="{00000000-0000-0000-0000-000000000000}"/>
  <bookViews>
    <workbookView xWindow="19090" yWindow="-110" windowWidth="19420" windowHeight="10420" xr2:uid="{00000000-000D-0000-FFFF-FFFF00000000}"/>
  </bookViews>
  <sheets>
    <sheet name="PDC2024" sheetId="1" r:id="rId1"/>
    <sheet name="projecten open" sheetId="3" state="hidden" r:id="rId2"/>
    <sheet name="proceseigenaren" sheetId="2" state="hidden" r:id="rId3"/>
  </sheets>
  <definedNames>
    <definedName name="_xlnm._FilterDatabase" localSheetId="0" hidden="1">'PDC2024'!$A$5:$AC$203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948" uniqueCount="518">
  <si>
    <t>Product- nummer</t>
  </si>
  <si>
    <t>Taak</t>
  </si>
  <si>
    <t>VERGUNNINGVERLENING</t>
  </si>
  <si>
    <t>A</t>
  </si>
  <si>
    <t>VOOROVERLEG</t>
  </si>
  <si>
    <t>A.01</t>
  </si>
  <si>
    <t>Vooroverleg Milieu</t>
  </si>
  <si>
    <t>A.01.01.01</t>
  </si>
  <si>
    <t>Vooroverleg omgevingsplan activiteit milieu</t>
  </si>
  <si>
    <t>Basis</t>
  </si>
  <si>
    <t>Advies verstrekken/vooroverleg voeren</t>
  </si>
  <si>
    <t xml:space="preserve">Vooroverleg Bouw en RO </t>
  </si>
  <si>
    <t>A.01.02.01</t>
  </si>
  <si>
    <t>Vooroverleg omgevingsplan activiteit bouw en RO</t>
  </si>
  <si>
    <t>Verzoek</t>
  </si>
  <si>
    <t>OMGEVINGSVERGUNNING</t>
  </si>
  <si>
    <t>A.02</t>
  </si>
  <si>
    <t xml:space="preserve">Omgevingsvergunning Milieu </t>
  </si>
  <si>
    <t>A.02.01.01</t>
  </si>
  <si>
    <t>Aanvraag omgevingsvergunning - meervoudig</t>
  </si>
  <si>
    <t>Aanvraag beschikking behandelen</t>
  </si>
  <si>
    <t>Onderscheid: Industrieel, agrarisch</t>
  </si>
  <si>
    <t>A.02.01.02</t>
  </si>
  <si>
    <t>Aanvraag oprichting-, revisie-, actualisatie-, veranderingvergunning en intrekkingsverzoek</t>
  </si>
  <si>
    <t>Aanvraag beschikking behandelen (mandaat), Advies verstrekken (niet mandaat)</t>
  </si>
  <si>
    <t>Onderscheid: Industrieel, agrarisch. Ondersheid: intrekken, oprichten, veranderingen, revisie, actualisatie</t>
  </si>
  <si>
    <t>A.02.01.03</t>
  </si>
  <si>
    <t>Actualisatie voorschriften en intrekkingsbesluit (ambtshalve)</t>
  </si>
  <si>
    <t>Ambtelijk beschikken (mandaat), Advies verstrekken (niet mandaat)</t>
  </si>
  <si>
    <t>Onderscheid: Industrieel, agrarisch. Onderscheid: actualisatie, intrekken</t>
  </si>
  <si>
    <t>A.02.01.04</t>
  </si>
  <si>
    <t>Maatwerkvoorschriften (op verzoek)</t>
  </si>
  <si>
    <t>A.02.01.05</t>
  </si>
  <si>
    <t>Maatwerkvoorschriften (ambtshalve)</t>
  </si>
  <si>
    <t>A.02.01.06</t>
  </si>
  <si>
    <t>Besluit gelijkwaardigheidsmaatregel(en) basistaak</t>
  </si>
  <si>
    <t>A.02.01.07</t>
  </si>
  <si>
    <t>Besluit gelijkwaardigheidsmaatregel(en) verzoektaak</t>
  </si>
  <si>
    <t>A.02.01.08</t>
  </si>
  <si>
    <t>Beoordelen Milieueffectrapportage</t>
  </si>
  <si>
    <t>A.02.01.09</t>
  </si>
  <si>
    <t>Ontheffing Besluit geluidproductie sportmotoren</t>
  </si>
  <si>
    <t>A.02.01.10</t>
  </si>
  <si>
    <t>Advies m.b.t. vergunning bij ander bevoegd gezag</t>
  </si>
  <si>
    <t>Advies verstrekken</t>
  </si>
  <si>
    <t>Omgevingsvergunning Bouw en RO</t>
  </si>
  <si>
    <t>A.02.02.01</t>
  </si>
  <si>
    <t>Omgevingsplan activiteit (ruimtelijke bouwactiviteit)</t>
  </si>
  <si>
    <t>A.02.02.02</t>
  </si>
  <si>
    <t>Buitenplanse omgevingsplan activiteit (ruimtelijke bouwactiviteit)</t>
  </si>
  <si>
    <t>A.02.02.03</t>
  </si>
  <si>
    <t>Technische bouwactiviteit</t>
  </si>
  <si>
    <t>A.02.02.04</t>
  </si>
  <si>
    <t>A.02.02.05</t>
  </si>
  <si>
    <t xml:space="preserve">Aanvraag beschikking behandelen </t>
  </si>
  <si>
    <t>Omgevingsvergunning Bodem/Water</t>
  </si>
  <si>
    <t>A.02.03.01</t>
  </si>
  <si>
    <t>Beschikking open bodemenergiesysteem</t>
  </si>
  <si>
    <t>A.02.03.02</t>
  </si>
  <si>
    <t>Beschikking gesloten bodemenergiesysteem (aangewezen centrumgebied Eindhoven, Helmond)</t>
  </si>
  <si>
    <t>A.02.03.03</t>
  </si>
  <si>
    <t>Ontgrondingsactiviteit</t>
  </si>
  <si>
    <t>A.02.03.04</t>
  </si>
  <si>
    <t>Waterontrekkingsactiviteit</t>
  </si>
  <si>
    <t>A.02.03.05</t>
  </si>
  <si>
    <t>Instemmingsbesluit bodem, ontgrondingen en water</t>
  </si>
  <si>
    <t xml:space="preserve">Onderscheid: water, ontgrondingen en bodem. Onderscheid water: wateronttrekking, open bodemenergiesystemen. </t>
  </si>
  <si>
    <t>A.02.03.06</t>
  </si>
  <si>
    <t>Aanwijsbesluit zwemlocaties</t>
  </si>
  <si>
    <t>A.02.03.07</t>
  </si>
  <si>
    <t>Besluit zwemverbod</t>
  </si>
  <si>
    <t>A.02.03.08</t>
  </si>
  <si>
    <t>Maatwerkvoorschriften en toestemming van een gelijkwaardige maatregel</t>
  </si>
  <si>
    <t>Overgangswetgeving Bodem</t>
  </si>
  <si>
    <t>A.02.04.01</t>
  </si>
  <si>
    <t>Wbb beschikking saneringsplan (overgangsrecht Wbb)</t>
  </si>
  <si>
    <t>A.02.04.02</t>
  </si>
  <si>
    <t>Beoordelen plan van aanpak (overgangsrecht Wbb)</t>
  </si>
  <si>
    <t>A.02.04.03</t>
  </si>
  <si>
    <t>Beoordelen nazorg en monitoringsrapporten (overgangsrecht Wbb)</t>
  </si>
  <si>
    <t>A.02.04.04</t>
  </si>
  <si>
    <t>Wijziging op saneringsplan (overgangsrecht Wbb)</t>
  </si>
  <si>
    <t>A.02.04.05</t>
  </si>
  <si>
    <t>Evaluatie na SP, na BUS (overgangsrecht Wbb)</t>
  </si>
  <si>
    <t>A.02.04.06</t>
  </si>
  <si>
    <t>Evaluatie BUS-TUP, na PvA (overgangsrecht Wbb)</t>
  </si>
  <si>
    <t>Melding activiteit behandelen</t>
  </si>
  <si>
    <t>A.02.04.07</t>
  </si>
  <si>
    <t>Vooroverleg Wbb (overgangsrecht Wbb)</t>
  </si>
  <si>
    <t>Administratieve ondersteuning</t>
  </si>
  <si>
    <t>A.02.05.01</t>
  </si>
  <si>
    <t>Administratieve en procedurele afhandeling meldingen en vergunningen</t>
  </si>
  <si>
    <t>Programma's, projecten en opdrachten</t>
  </si>
  <si>
    <t>MELDING</t>
  </si>
  <si>
    <t>A.03</t>
  </si>
  <si>
    <t>Melding Milieu</t>
  </si>
  <si>
    <t>A.03.01.01</t>
  </si>
  <si>
    <t>Melding milieubelastende activiteit(en) basistaak</t>
  </si>
  <si>
    <t>A.03.01.02</t>
  </si>
  <si>
    <t>Melding milieubelastende activiteit(en) verzoektaak</t>
  </si>
  <si>
    <t>A.03.01.03</t>
  </si>
  <si>
    <t>Melding mobiel breken van bouw- en sloopafval</t>
  </si>
  <si>
    <t>A.03.01.04</t>
  </si>
  <si>
    <t>Beoordeling PRTR-verslag</t>
  </si>
  <si>
    <t>Informatieplicht verwerken</t>
  </si>
  <si>
    <t>A.03.01.05</t>
  </si>
  <si>
    <t>Ontheffing verordeningen (evenementen, stookverbod, APV etc.)</t>
  </si>
  <si>
    <t>A.03.01.06</t>
  </si>
  <si>
    <t>Aanleveren gegevens en bescheiden milieubelastende activiteit(en)</t>
  </si>
  <si>
    <t xml:space="preserve">Melding Bouw </t>
  </si>
  <si>
    <t>A.03.02.01</t>
  </si>
  <si>
    <t>Sloopactiviteit melden incl asbest</t>
  </si>
  <si>
    <t>A.03.02.02</t>
  </si>
  <si>
    <t>Sloopactiviteit melden</t>
  </si>
  <si>
    <t>A.03.02.03</t>
  </si>
  <si>
    <t>Sloopactiviteit melden particulier incl asbest</t>
  </si>
  <si>
    <t>A.03.02.04</t>
  </si>
  <si>
    <t>Melding bouwactiviteit</t>
  </si>
  <si>
    <t>A.03.02.05</t>
  </si>
  <si>
    <t>Gereedmelding bouwactiviteit</t>
  </si>
  <si>
    <t>A.03.02.06</t>
  </si>
  <si>
    <t>Brandveilig gebruiken bouwwerken</t>
  </si>
  <si>
    <t>Melding Bodem/Water</t>
  </si>
  <si>
    <t>A.03.03.01</t>
  </si>
  <si>
    <t>A.03.03.02</t>
  </si>
  <si>
    <t>A.03.03.03</t>
  </si>
  <si>
    <t xml:space="preserve">Melding graven &lt;25 m3 in de bodem (kleinschalig graven) </t>
  </si>
  <si>
    <t>A.03.03.04</t>
  </si>
  <si>
    <t>Melding Historische bodemverontreiniging zonder onaanvaardbaar risico</t>
  </si>
  <si>
    <t>A.03.03.05</t>
  </si>
  <si>
    <t xml:space="preserve">Melding bouwen op een bodemgevoelige locatie (via bouwen) </t>
  </si>
  <si>
    <t>A.03.03.06</t>
  </si>
  <si>
    <t>Melding saneren van de bodem</t>
  </si>
  <si>
    <t>A.03.03.07</t>
  </si>
  <si>
    <t xml:space="preserve">Melding nazorg na saneren van de bodem of toevalsvondst </t>
  </si>
  <si>
    <t>A.03.03.08</t>
  </si>
  <si>
    <t>A.03.03.09</t>
  </si>
  <si>
    <t>Melding opslaan en toepassen van bouwstoffen, grond of baggerspecie (op landbodem)</t>
  </si>
  <si>
    <t>Onderscheid: bouwstoffen, grond en baggerspecie. Onderscheid: toepassen, opslag</t>
  </si>
  <si>
    <t>A.03.03.10</t>
  </si>
  <si>
    <t>A.03.03.11</t>
  </si>
  <si>
    <t>Melding gesloten bodemenergiesysteem</t>
  </si>
  <si>
    <t>A.03.03.12</t>
  </si>
  <si>
    <t xml:space="preserve">Melding toevalsvondst, ongewone voorvallen en zorgplicht </t>
  </si>
  <si>
    <t>A.03.03.13</t>
  </si>
  <si>
    <t xml:space="preserve">Melding lozen van grondwater bij sanering of ontwatering, bodem of riool </t>
  </si>
  <si>
    <t>A.03.03.14</t>
  </si>
  <si>
    <t>Melding ontgrondingsactiviteit</t>
  </si>
  <si>
    <t>A.03.03.15</t>
  </si>
  <si>
    <t>Melding uitvoering grondwatersanering</t>
  </si>
  <si>
    <t>A.03.03.16</t>
  </si>
  <si>
    <t>Melding gelegenheid bieden tot zwemmen of baden in een badwaterbassin of zwemwaterlocatie</t>
  </si>
  <si>
    <t>JURIDISCH</t>
  </si>
  <si>
    <t>A.04</t>
  </si>
  <si>
    <t>Juridisch</t>
  </si>
  <si>
    <t>A.04.01.01</t>
  </si>
  <si>
    <t>Bezwaar behandelen vv Omgevingswet (Wabo)</t>
  </si>
  <si>
    <t>A.04.01.02</t>
  </si>
  <si>
    <t>Bezwaar behandelen vv Omgevingswet (Waterwet, ontgrondingen, Wbb, zwemwater)</t>
  </si>
  <si>
    <t>A.04.01.03</t>
  </si>
  <si>
    <t>Beroep behandelen vv Omgevingswet (Wabo)</t>
  </si>
  <si>
    <t>A.04.01.04</t>
  </si>
  <si>
    <t>Beroep behandelen vv Omgevingswet (Waterwet, ontgrondingen, Wbb, zwemwater)</t>
  </si>
  <si>
    <t>A.04.01.05</t>
  </si>
  <si>
    <t>Hoger beroep (Raad van State) behandelen vv Omgevingswet (Wabo)</t>
  </si>
  <si>
    <t>A.04.01.06</t>
  </si>
  <si>
    <t>Hoger beroep (Raad van State) behandelen vv Omgevingswet (Waterwet, ontgrondingen, Wbb, zwemwater)</t>
  </si>
  <si>
    <t>A.04.01.07</t>
  </si>
  <si>
    <t>Voorlopige voorziening behandelen vv Omgevingswet</t>
  </si>
  <si>
    <t>A.04.01.08</t>
  </si>
  <si>
    <t>Juridische advisering vv</t>
  </si>
  <si>
    <t>Wabo-producten</t>
  </si>
  <si>
    <t>A.09</t>
  </si>
  <si>
    <t>A.09.01.01</t>
  </si>
  <si>
    <t>Wabo-producten 2023 PG1 tarief 99</t>
  </si>
  <si>
    <t>Zaak 2023</t>
  </si>
  <si>
    <t>A.09.01.02</t>
  </si>
  <si>
    <t>Wabo-producten 2023 PG1 tarief 109</t>
  </si>
  <si>
    <t>A.09.01.03</t>
  </si>
  <si>
    <t>Wabo-producten 2023 PG1 tarief 122</t>
  </si>
  <si>
    <t>TOEZICHT EN HANDHAVING</t>
  </si>
  <si>
    <t>B</t>
  </si>
  <si>
    <t>TOEZICHT</t>
  </si>
  <si>
    <t>B.01</t>
  </si>
  <si>
    <t>Toezicht Milieu</t>
  </si>
  <si>
    <t>B.01.01.01</t>
  </si>
  <si>
    <t>Milieutoezicht mba basis</t>
  </si>
  <si>
    <t>Controle uitvoeren</t>
  </si>
  <si>
    <t>Onderscheid: controles en hercontroles</t>
  </si>
  <si>
    <t>B.01.01.02</t>
  </si>
  <si>
    <t>Milieutoezicht mba verzoek</t>
  </si>
  <si>
    <t>B.01.01.03</t>
  </si>
  <si>
    <t>Energietoezicht (BAL, BBL)</t>
  </si>
  <si>
    <t>B.01.01.04</t>
  </si>
  <si>
    <t>Beoordelen rapportages energie (BAL, BBL)</t>
  </si>
  <si>
    <t>B.01.01.05</t>
  </si>
  <si>
    <t>Beoordelen onderzoeken energie (BAL)</t>
  </si>
  <si>
    <t>B.01.01.06</t>
  </si>
  <si>
    <t>Toezicht groene wetten, Flora- en fauna, N2000</t>
  </si>
  <si>
    <t>B.01.01.07</t>
  </si>
  <si>
    <t>Uitvoering toezichtsprogramma's (voorbereiding, coördinatie, monitoring, evaluatie, kwaliteitsbewaking, inbox)</t>
  </si>
  <si>
    <t xml:space="preserve">Toezicht Bouw </t>
  </si>
  <si>
    <t>B.01.02.01</t>
  </si>
  <si>
    <t xml:space="preserve">Bouwtechnische activiteit </t>
  </si>
  <si>
    <t>B.01.02.02</t>
  </si>
  <si>
    <t>Omgevingsplanactiviteit (ruimtelijke bouwactiviteit)</t>
  </si>
  <si>
    <t>B.01.02.03</t>
  </si>
  <si>
    <t xml:space="preserve">Brandveilig gebruik </t>
  </si>
  <si>
    <t>B.01.02.04</t>
  </si>
  <si>
    <t xml:space="preserve">Kennisgeving start bouw, strijdigheid bouwbesluit, einde bouwactiviteiten </t>
  </si>
  <si>
    <t>B.01.02.05</t>
  </si>
  <si>
    <t>Erfgoed (rijks)monumentenactiviteit</t>
  </si>
  <si>
    <t>B.01.02.06</t>
  </si>
  <si>
    <t>Sloopactiviteit verwijdering asbest</t>
  </si>
  <si>
    <t>B.01.02.07</t>
  </si>
  <si>
    <t>Sloopactiviteit verwijdering asbest particulier</t>
  </si>
  <si>
    <t>B.01.02.08</t>
  </si>
  <si>
    <t>Kennisgeving start en einde sloopactiviteiten</t>
  </si>
  <si>
    <t>B.01.02.09</t>
  </si>
  <si>
    <t>Coordinatie na een asbest incident (brand/illegale sanering)</t>
  </si>
  <si>
    <t>Toezicht Bodem/Water</t>
  </si>
  <si>
    <t>B.01.03.01</t>
  </si>
  <si>
    <t>Toezicht graven</t>
  </si>
  <si>
    <t>Onderscheid: controles en hercontroles. Specificatie graven &gt; 25 m3 / &lt;25 m3</t>
  </si>
  <si>
    <t>B.01.03.02</t>
  </si>
  <si>
    <t>Toezicht toepassen van bouwstoffen, grond of baggerspecie (op landbodem)</t>
  </si>
  <si>
    <t>Onderscheid: controles en hercontroles. Specificatie: grondstoffen, grond en baggerspecie</t>
  </si>
  <si>
    <t>B.01.03.03</t>
  </si>
  <si>
    <t>Toezicht saneren</t>
  </si>
  <si>
    <t>B.01.03.04</t>
  </si>
  <si>
    <t>Toezicht grondwatersanering (OV)</t>
  </si>
  <si>
    <t>B.01.03.05</t>
  </si>
  <si>
    <t>Toezicht op nazorg na saneren (bruidsschat )
(in stand houden dikte leeflaag en nemen tijdelijke beschermingsmaatregelen)</t>
  </si>
  <si>
    <t>B.01.03.06</t>
  </si>
  <si>
    <t>Toezicht opslaan, zeven, mechanisch ontwateren en samenvoegen grond/baggerspecie</t>
  </si>
  <si>
    <t>B.01.03.07</t>
  </si>
  <si>
    <t>Toezicht grondbank of grondreinigingsbedrijf</t>
  </si>
  <si>
    <t>B.01.03.08</t>
  </si>
  <si>
    <t>Toezicht historische bodemverontreinigingen zonder onaanvaardbaar risico (bruidsschat)</t>
  </si>
  <si>
    <t>B.01.03.09</t>
  </si>
  <si>
    <t>Toezicht toevalsvondst, ongewone voorvallen en zorgplicht (bruidsschat)</t>
  </si>
  <si>
    <t>B.01.03.10</t>
  </si>
  <si>
    <t>Toezicht open bodemenergiesystemen</t>
  </si>
  <si>
    <t>B.01.03.11</t>
  </si>
  <si>
    <t>Toezicht gesloten bodemenergiesystemen (GBES)</t>
  </si>
  <si>
    <t>B.01.03.12</t>
  </si>
  <si>
    <t>Toezicht gebiedsgericht grondwaterbeheer</t>
  </si>
  <si>
    <t>B.01.03.13</t>
  </si>
  <si>
    <t>Toezicht lozing (Blbi)</t>
  </si>
  <si>
    <t>B.01.03.14</t>
  </si>
  <si>
    <t>Wateractiviteit grondwateronttrekking</t>
  </si>
  <si>
    <t>B.01.03.15</t>
  </si>
  <si>
    <t>Grondwaterbescherming (OV)</t>
  </si>
  <si>
    <t>B.01.03.16</t>
  </si>
  <si>
    <t>Toezicht Zwemwaterwet</t>
  </si>
  <si>
    <t>B.01.03.17</t>
  </si>
  <si>
    <t>Beheer en analyse zwemwaterkwaliteit (ZIN)</t>
  </si>
  <si>
    <t>B.01.03.18</t>
  </si>
  <si>
    <t>B.01.04.01</t>
  </si>
  <si>
    <t>Toezicht op Wbb saneringsplan, BUS (overgangsrecht Wbb)</t>
  </si>
  <si>
    <t>B.01.05.01</t>
  </si>
  <si>
    <t>Administratieve ondersteuning toezicht</t>
  </si>
  <si>
    <t>KLACHTEN</t>
  </si>
  <si>
    <t>B.02</t>
  </si>
  <si>
    <t>Afhandelen klachten en meldingen</t>
  </si>
  <si>
    <t>B.02.01.01</t>
  </si>
  <si>
    <t xml:space="preserve">Klachten en meldingen behandelen </t>
  </si>
  <si>
    <t>Incidentmelding behandelen</t>
  </si>
  <si>
    <t>B.02.01.02</t>
  </si>
  <si>
    <t>HANDHAVING</t>
  </si>
  <si>
    <t>B.03</t>
  </si>
  <si>
    <t>Handhaving</t>
  </si>
  <si>
    <t>B.03.01.01</t>
  </si>
  <si>
    <t>Strafrecht ten uitvoer brengen Omgevingswet (Wnb, Waterwet, ontgrondingen, zwemwater)</t>
  </si>
  <si>
    <t>Strafrechtelijk vooronderzoek</t>
  </si>
  <si>
    <t>Onderscheid: natuur, water, ontgrondingen, zwemwater</t>
  </si>
  <si>
    <t>B.03.01.02</t>
  </si>
  <si>
    <t>Strafrecht ten uitvoer brengen Omgevingswet (Wabo, Wbb)</t>
  </si>
  <si>
    <t>Onderscheid: milieu, bodem</t>
  </si>
  <si>
    <t>B.03.01.03</t>
  </si>
  <si>
    <t>Handhavingsverzoek behandelen Omgevingswet (Wnb, Waterwet, ontgrondingen, zwemwater)</t>
  </si>
  <si>
    <t>Onderscheid: milieu, natuur, water, ontgrondingen, zwemwater</t>
  </si>
  <si>
    <t>B.03.01.04</t>
  </si>
  <si>
    <t>Handhavingsverzoek behandelen Omgevingswet (Wabo, Wbb)</t>
  </si>
  <si>
    <t>B.03.01.05</t>
  </si>
  <si>
    <t>Repressief toezicht Omgevingswet (Wnb, Waterwet, ontgrondingen, zwemwater)</t>
  </si>
  <si>
    <t>B.03.01.06</t>
  </si>
  <si>
    <t>Repressief toezicht Omgevingswet (Wabo, Wbb)</t>
  </si>
  <si>
    <t>Onderscheid: milieu, bodem. Energie apart kunnen monitoren</t>
  </si>
  <si>
    <t>B.03.01.07</t>
  </si>
  <si>
    <t>Opstellen voornemen bestuursrechtelijk handhaven Omgevingwet (Wnb, Waterwet, ontgrondingen, zwemwater)</t>
  </si>
  <si>
    <t>B.03.01.08</t>
  </si>
  <si>
    <t>Opstellen voornemen bestuursrechtelijk handhaven Omgevingswet (Wabo, Wbb)</t>
  </si>
  <si>
    <t>B.03.01.09</t>
  </si>
  <si>
    <t>Opstellen besluit bestuursrechtelijk handhaven Omgevingswet (Wnb, Waterwet, ontgrondingen, zwemwater)</t>
  </si>
  <si>
    <t>B.03.01.10</t>
  </si>
  <si>
    <t>Opstellen besluit bestuursrechtelijk handhaven Omgevingswet (Wabo, Wbb)</t>
  </si>
  <si>
    <t>B.03.01.11</t>
  </si>
  <si>
    <t>Voorbereiden en opstellen van invorderingsbesluit</t>
  </si>
  <si>
    <t>B.03.01.12</t>
  </si>
  <si>
    <t>Bestuursdwang effectueren (incl. kostenverhaal)</t>
  </si>
  <si>
    <t>B.03.01.13</t>
  </si>
  <si>
    <t>Bezwaar behandelen hh Omgevingswet (Wabo, Wbb)</t>
  </si>
  <si>
    <t>B.03.01.14</t>
  </si>
  <si>
    <t>Bezwaar behandelen hh Omgevingswet (Waterwet, ontgrondingen, zwemwater)</t>
  </si>
  <si>
    <t>Onderscheid: milieu, waterwet, ontgrondingen, zwemwater</t>
  </si>
  <si>
    <t>B.03.01.15</t>
  </si>
  <si>
    <t>Beroep behandelen hh Omgevingswet (Wabo, Wbb)</t>
  </si>
  <si>
    <t>B.03.01.16</t>
  </si>
  <si>
    <t>Beroep behandelen hh Omgevingswet (Waterwet, ontgrondingen, zwemwater)</t>
  </si>
  <si>
    <t>Onderscheid: milieu, water, ontgrondingen, zwemwater</t>
  </si>
  <si>
    <t>B.03.01.17</t>
  </si>
  <si>
    <t>Hoger beroep (Raad van State) behandelen hh Omgevingswet (Wabo, Wbb)</t>
  </si>
  <si>
    <t>B.03.01.18</t>
  </si>
  <si>
    <t>Hoger beroep (Raad van State) behandelen hh Omgevingswet (Waterwet, ontgrondingen, zwemwater)</t>
  </si>
  <si>
    <t>B.03.01.19</t>
  </si>
  <si>
    <t xml:space="preserve">Voorlopige voorziening behandelen hh Omgevingswet </t>
  </si>
  <si>
    <t>B.03.01.20</t>
  </si>
  <si>
    <t>Juridische advisering hh</t>
  </si>
  <si>
    <t>B.09</t>
  </si>
  <si>
    <t>B.09.01.01</t>
  </si>
  <si>
    <t>Wabo-producten 2023 PG2 tarief 122</t>
  </si>
  <si>
    <t>ADVIES</t>
  </si>
  <si>
    <t>C</t>
  </si>
  <si>
    <t>C.01.01.01</t>
  </si>
  <si>
    <t xml:space="preserve">Juridische advisering </t>
  </si>
  <si>
    <t>C.01.01.02</t>
  </si>
  <si>
    <t>Verzoek Woo</t>
  </si>
  <si>
    <t>Informatieverzoeken</t>
  </si>
  <si>
    <t>Nieuw zaaktype Maarten?</t>
  </si>
  <si>
    <t>Bodem/Water</t>
  </si>
  <si>
    <t>C.01.02.01</t>
  </si>
  <si>
    <t>Bodemloketfunctie</t>
  </si>
  <si>
    <t>C.01.02.02</t>
  </si>
  <si>
    <t>Advies bodem</t>
  </si>
  <si>
    <t>C.01.02.03</t>
  </si>
  <si>
    <t>Beoordelen bodemrapport</t>
  </si>
  <si>
    <t>C.01.02.04</t>
  </si>
  <si>
    <t>Advies badwaterbassins, zwemplassen/oppervlaktewater</t>
  </si>
  <si>
    <t>C.01.02.05</t>
  </si>
  <si>
    <t>Advies waterontrekkingsactiviteit, OBES en ontgronding</t>
  </si>
  <si>
    <t>C.01.02.06</t>
  </si>
  <si>
    <t>Nieuwe zwemwatertaak</t>
  </si>
  <si>
    <t>C.01.02.07</t>
  </si>
  <si>
    <t>Publieksinformatie ambtelijk</t>
  </si>
  <si>
    <t>C.01.02.08</t>
  </si>
  <si>
    <t>Trend/ beleidsrapportage waterbeleid</t>
  </si>
  <si>
    <t>Geluid</t>
  </si>
  <si>
    <t>C.01.03.01</t>
  </si>
  <si>
    <t>Advies/onderzoek geluid, licht en trillingen</t>
  </si>
  <si>
    <t>C.01.03.02</t>
  </si>
  <si>
    <t>Advies zonebeheer industrielawaai terreinen GPP</t>
  </si>
  <si>
    <t>C.01.03.03</t>
  </si>
  <si>
    <t xml:space="preserve">Advies geluidsanering
</t>
  </si>
  <si>
    <t>C.01.03.04</t>
  </si>
  <si>
    <t>Geluidmetingen</t>
  </si>
  <si>
    <t>Archeologie</t>
  </si>
  <si>
    <t>C.01.04.01</t>
  </si>
  <si>
    <t>Advies archeologie</t>
  </si>
  <si>
    <t>C.01.04.02</t>
  </si>
  <si>
    <t>Beoordeling programma van eisen</t>
  </si>
  <si>
    <t>C.01.04.03</t>
  </si>
  <si>
    <t>Beoordeling archeologische rapportages BO en IVO-O</t>
  </si>
  <si>
    <t>C.01.04.04</t>
  </si>
  <si>
    <t>Beoordeling archeologische rapportages IVO-P en DO</t>
  </si>
  <si>
    <t>Erfgoed en omgevingskwaliteit</t>
  </si>
  <si>
    <t>C.01.05.01</t>
  </si>
  <si>
    <t>Advisering / commissies erfgoed en omgevingskwaliteit</t>
  </si>
  <si>
    <t>C.01.05.02</t>
  </si>
  <si>
    <t>(Beleids)ondersteuning erfgoed en omgevingskwaliteit</t>
  </si>
  <si>
    <t>Advies gebiedsontwikkeling</t>
  </si>
  <si>
    <t>C.01.06.01</t>
  </si>
  <si>
    <t>Opstellen milieueffectrapportage</t>
  </si>
  <si>
    <t>C.01.06.02</t>
  </si>
  <si>
    <t>Advies natuur en landschap</t>
  </si>
  <si>
    <t>C.01.06.03</t>
  </si>
  <si>
    <t>Procesbegeleiding aanpak knelpunten tussen bedrijf en omgeving</t>
  </si>
  <si>
    <t>C.01.06.04</t>
  </si>
  <si>
    <t>C.01.06.05</t>
  </si>
  <si>
    <t>Inventarisatie huidige situatie veehouderij</t>
  </si>
  <si>
    <t>C.01.06.06</t>
  </si>
  <si>
    <t>Toekomstverkenning veehouderij</t>
  </si>
  <si>
    <t>C.01.06.07</t>
  </si>
  <si>
    <t>Toetsingskader veehouderij</t>
  </si>
  <si>
    <t>C.01.06.08</t>
  </si>
  <si>
    <t>Advies verstrekken luchtkwaliteit en geur</t>
  </si>
  <si>
    <t>Advies omgevingsplan</t>
  </si>
  <si>
    <t>C.01.07.01</t>
  </si>
  <si>
    <t>C.01.07.02</t>
  </si>
  <si>
    <t>Advies omgevingsvergunning afwijken omgevingsplan</t>
  </si>
  <si>
    <t>Advies omgevingsveiligheid</t>
  </si>
  <si>
    <t>C.01.08.01</t>
  </si>
  <si>
    <t>Advies energie en duurzaamheid</t>
  </si>
  <si>
    <t>C.01.09.01</t>
  </si>
  <si>
    <t xml:space="preserve">Overig advies </t>
  </si>
  <si>
    <t>C.01.10.01</t>
  </si>
  <si>
    <t>Communicatie strategie en advies</t>
  </si>
  <si>
    <t>Communicatie</t>
  </si>
  <si>
    <t>C.01.10.02</t>
  </si>
  <si>
    <t>Communicatie uitvoering en ondersteuning</t>
  </si>
  <si>
    <t>C.01.10.03</t>
  </si>
  <si>
    <t>Technische advisering en begeleiding projecten</t>
  </si>
  <si>
    <t>INFORMATIEANALYSE, -VERSTREKKING EN GEGEVENSBEHEER</t>
  </si>
  <si>
    <t>D</t>
  </si>
  <si>
    <t>Informatieanalyse, -verstrekking en gegevensbeheer</t>
  </si>
  <si>
    <t>D.01.01.01</t>
  </si>
  <si>
    <t>Informatieverstrekking (burgers, bedrijven, gemeenten, etc.)</t>
  </si>
  <si>
    <t>?</t>
  </si>
  <si>
    <t>D.01.01.02</t>
  </si>
  <si>
    <t>Opzetten (milieu)kaart of informatiesysteem</t>
  </si>
  <si>
    <t>D.01.01.03</t>
  </si>
  <si>
    <t>Gegevensbeheer (bijvoorbeeld VMK, BIS, KRD, Amice)</t>
  </si>
  <si>
    <t>Informatie-, gegevens- en archiefbeheer</t>
  </si>
  <si>
    <t>D.01.01.04</t>
  </si>
  <si>
    <t>Gegevensbeheer (bijvoorbeeld LGR, BOL, onttrekkingsgegevens)</t>
  </si>
  <si>
    <t>D.01.01.05</t>
  </si>
  <si>
    <t>D.01.01.06</t>
  </si>
  <si>
    <t>Informatie gestuurd werken</t>
  </si>
  <si>
    <t>D.01.01.07</t>
  </si>
  <si>
    <t>Digitaal archiefbeheer</t>
  </si>
  <si>
    <t>D.01.01.08</t>
  </si>
  <si>
    <t>Rapportage opdrachtgever</t>
  </si>
  <si>
    <t>D.01.01.09</t>
  </si>
  <si>
    <t>Informatieanalyse en monitoring</t>
  </si>
  <si>
    <t>D.01.01.10</t>
  </si>
  <si>
    <t>Coördinatie en werkverdeling</t>
  </si>
  <si>
    <t>D.01.01.11</t>
  </si>
  <si>
    <t>Accountmanagement</t>
  </si>
  <si>
    <t>vragen alle projecten dicht per 31-12 of projecten onder oude regime door laten lopen?  producten ove rjaar heen</t>
  </si>
  <si>
    <t>zoals vergunningverlening milieu uiterlijk 31-12-2023 binnen gekomen, onderhanden projecten bodem (9.02.10/9.02.12/9.02.11/9.20.15/9.02.29/9.02.27)</t>
  </si>
  <si>
    <t>Bodem (overgangsbeleid) PG1 en PG2</t>
  </si>
  <si>
    <t>Milieuvergunningen PG1</t>
  </si>
  <si>
    <t>Juridische procedures PG1 en PG2</t>
  </si>
  <si>
    <t>Advies producten</t>
  </si>
  <si>
    <t>NIET</t>
  </si>
  <si>
    <t>Aan te maken Wabo-producten in 2024:</t>
  </si>
  <si>
    <t>PG1</t>
  </si>
  <si>
    <t>verzoek</t>
  </si>
  <si>
    <t>vergunningverlening</t>
  </si>
  <si>
    <t>basis</t>
  </si>
  <si>
    <t>vergunningverlening en juridisch</t>
  </si>
  <si>
    <t>PG2</t>
  </si>
  <si>
    <t>juridisch</t>
  </si>
  <si>
    <t>Procesbeheerder - Proceseigenaar - Manager</t>
  </si>
  <si>
    <t>Zaaktype</t>
  </si>
  <si>
    <t>Procesbeheerder</t>
  </si>
  <si>
    <t>Proceseigenaar</t>
  </si>
  <si>
    <t>Manager</t>
  </si>
  <si>
    <t>Lieke Lingers en Esther Sanders</t>
  </si>
  <si>
    <t>Paul Bremmers</t>
  </si>
  <si>
    <t>Paul Bremmers , Govert Schermers, Arienne Leermakers, Huub Verhagen</t>
  </si>
  <si>
    <t>Advies verstrekken informeel (vooroverleg)</t>
  </si>
  <si>
    <t>Esther Sanders</t>
  </si>
  <si>
    <t>Aanvraag beschikking uitgebreid</t>
  </si>
  <si>
    <t>Aanvraag beschikking regulier</t>
  </si>
  <si>
    <t>Paul Bremmers, Govert Schermers, Arienne Leermakers, Huub Verhagen</t>
  </si>
  <si>
    <t>Melding behandelen</t>
  </si>
  <si>
    <t>Wilco Nellen en Bertwin van Dinther</t>
  </si>
  <si>
    <t>Huub Verhagen</t>
  </si>
  <si>
    <t>Bezwaar</t>
  </si>
  <si>
    <t>Maarten Heijligers en Piet Hoefnagels</t>
  </si>
  <si>
    <t>Erik van Dommelen</t>
  </si>
  <si>
    <t>Beroep</t>
  </si>
  <si>
    <t>Voorlopige voorziening</t>
  </si>
  <si>
    <t>Zienswijze</t>
  </si>
  <si>
    <t>Paul Bremmers, Huub Verhagen</t>
  </si>
  <si>
    <t>Incidentmelding</t>
  </si>
  <si>
    <t>Handhavingsverzoek</t>
  </si>
  <si>
    <t>Bertwin van Dinther en Marloes van Kalsbeek</t>
  </si>
  <si>
    <t>Handhavingsbesluit</t>
  </si>
  <si>
    <t>Ruudt van Malten</t>
  </si>
  <si>
    <t>Last onder bestuursdwang ten uitvoer</t>
  </si>
  <si>
    <t>Maarten Heijligers en Marloes van Kalsbeek</t>
  </si>
  <si>
    <t>Last onder dwangsom ten uitvoer</t>
  </si>
  <si>
    <t>Niet VTH-zaaktypen</t>
  </si>
  <si>
    <t>Alexander van de Meeberg, Monique Baltussen, Hank Velthuis</t>
  </si>
  <si>
    <t>Luuk  Beimans</t>
  </si>
  <si>
    <t>Productgroep</t>
  </si>
  <si>
    <t>Zaaktype (in PowerBrowser)</t>
  </si>
  <si>
    <t>Productomschrijving (in PowerBrowser en Afas)</t>
  </si>
  <si>
    <t xml:space="preserve">Beheer en analyse databestand/-systemen </t>
  </si>
  <si>
    <t>Tarief 2024</t>
  </si>
  <si>
    <t>Subproducten in PowerBrowser</t>
  </si>
  <si>
    <t>B.01.01.08</t>
  </si>
  <si>
    <t>Energietoezicht (BBL)</t>
  </si>
  <si>
    <t>B.09.01.03</t>
  </si>
  <si>
    <t>B.09.01.02</t>
  </si>
  <si>
    <t>B.02.01.03</t>
  </si>
  <si>
    <t>Melding incident ongewoon voorval verzoek</t>
  </si>
  <si>
    <t>Wabo-producten 2023 PG2 tarief 99</t>
  </si>
  <si>
    <t>Wabo-producten 2023 PG2 tarief 109</t>
  </si>
  <si>
    <t>Adviesverzoek melding</t>
  </si>
  <si>
    <t>A.03.01.07</t>
  </si>
  <si>
    <t>Informatieplicht bodem algemeen</t>
  </si>
  <si>
    <t>Melding graven &gt; 25 m3 spoedreparatie (informatieplicht)</t>
  </si>
  <si>
    <t>A.03.03.17</t>
  </si>
  <si>
    <t>A.03.03.18</t>
  </si>
  <si>
    <t>Informatieplicht graven &gt; 25 m3 &lt; interventiewaarde (informatieplicht)</t>
  </si>
  <si>
    <t>Informatieplicht beoordeling verstrekte gegevens grondbank of grondreiniging</t>
  </si>
  <si>
    <t xml:space="preserve">Melding open bodemenergiesysteem </t>
  </si>
  <si>
    <t xml:space="preserve">Melding graven &gt; 25 m3 boven interventiewaarde </t>
  </si>
  <si>
    <t>Melding incident ongewoon voorval basis</t>
  </si>
  <si>
    <t>Productencatalogus 2024</t>
  </si>
  <si>
    <t>A.03.03.19</t>
  </si>
  <si>
    <t>Melding omgevingsverordening/grondwaterbescherming </t>
  </si>
  <si>
    <t>Informatieplicht verwerken (mandaat), Advies verstrekken (niet mandaat)</t>
  </si>
  <si>
    <t>Melding activiteit behandelen (mandaat), Advies verstrekken (niet mandaat)</t>
  </si>
  <si>
    <t>Controle uitvoeren (mandaat), Advies verstrekken (niet mandaat)</t>
  </si>
  <si>
    <t>(Rijks)monumentactiviteit</t>
  </si>
  <si>
    <t>Bezwaar behandelen (mandaaat), Advies verstrekken (niet mandaat)</t>
  </si>
  <si>
    <t>Beroep behandelen (mandaat), Advies verstrekken (niet mandaat)</t>
  </si>
  <si>
    <t>Voorlopige voorziening behandelen (mandaat), Advies verstrekken (niet mandaat)</t>
  </si>
  <si>
    <t>Handhavingsverzoek behandelen (mandaat), Advies verstrekken (niet mandaat)</t>
  </si>
  <si>
    <t>Voornemen handhavingsbesluit nemen (mandaat), Advies verstrekken (niet mandaat)</t>
  </si>
  <si>
    <t>Handhavingsbesluit nemen (mandaat), Advies verstrekken (niet mandaat)</t>
  </si>
  <si>
    <t>Last onder dwangsom ten uitvoer leggen (mandaat), Advies verstrekken (niet mandaat)</t>
  </si>
  <si>
    <t>Bezwaar behandelen (mandaat), Advies verstrekken (niet mandaat)</t>
  </si>
  <si>
    <t>versie 2, maart 2024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6" x14ac:knownFonts="1">
    <font>
      <sz val="11"/>
      <color theme="1"/>
      <name val="Calibri"/>
      <family val="2"/>
      <scheme val="minor"/>
    </font>
    <font>
      <sz val="11"/>
      <color rgb="FFFF0000"/>
      <name val="Calibri"/>
      <family val="2"/>
      <scheme val="minor"/>
    </font>
    <font>
      <sz val="11"/>
      <name val="Calibri"/>
      <family val="2"/>
      <scheme val="minor"/>
    </font>
    <font>
      <sz val="8"/>
      <name val="Calibri"/>
      <family val="2"/>
      <scheme val="minor"/>
    </font>
    <font>
      <b/>
      <u/>
      <sz val="18"/>
      <name val="Calibri"/>
      <family val="2"/>
      <scheme val="minor"/>
    </font>
    <font>
      <sz val="11"/>
      <name val="Calibri"/>
      <family val="2"/>
    </font>
  </fonts>
  <fills count="8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9" tint="0.39997558519241921"/>
        <bgColor indexed="64"/>
      </patternFill>
    </fill>
    <fill>
      <patternFill patternType="solid">
        <fgColor rgb="FF92D050"/>
        <bgColor indexed="64"/>
      </patternFill>
    </fill>
    <fill>
      <patternFill patternType="solid">
        <fgColor rgb="FFFFC000"/>
        <bgColor indexed="64"/>
      </patternFill>
    </fill>
    <fill>
      <patternFill patternType="solid">
        <fgColor theme="9" tint="0.59999389629810485"/>
        <bgColor indexed="64"/>
      </patternFill>
    </fill>
    <fill>
      <patternFill patternType="solid">
        <fgColor theme="0"/>
        <bgColor indexed="64"/>
      </patternFill>
    </fill>
  </fills>
  <borders count="12">
    <border>
      <left/>
      <right/>
      <top/>
      <bottom/>
      <diagonal/>
    </border>
    <border>
      <left style="medium">
        <color indexed="64"/>
      </left>
      <right/>
      <top style="medium">
        <color indexed="64"/>
      </top>
      <bottom/>
      <diagonal/>
    </border>
    <border>
      <left/>
      <right/>
      <top style="medium">
        <color indexed="64"/>
      </top>
      <bottom/>
      <diagonal/>
    </border>
    <border>
      <left style="medium">
        <color indexed="64"/>
      </left>
      <right/>
      <top/>
      <bottom/>
      <diagonal/>
    </border>
    <border>
      <left style="medium">
        <color indexed="64"/>
      </left>
      <right/>
      <top/>
      <bottom style="medium">
        <color indexed="64"/>
      </bottom>
      <diagonal/>
    </border>
    <border>
      <left/>
      <right/>
      <top/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/>
      <right style="thick">
        <color indexed="64"/>
      </right>
      <top style="medium">
        <color indexed="64"/>
      </top>
      <bottom/>
      <diagonal/>
    </border>
    <border>
      <left/>
      <right style="thick">
        <color indexed="64"/>
      </right>
      <top/>
      <bottom/>
      <diagonal/>
    </border>
    <border>
      <left/>
      <right style="thick">
        <color indexed="64"/>
      </right>
      <top/>
      <bottom style="medium">
        <color indexed="64"/>
      </bottom>
      <diagonal/>
    </border>
  </borders>
  <cellStyleXfs count="1">
    <xf numFmtId="0" fontId="0" fillId="0" borderId="0"/>
  </cellStyleXfs>
  <cellXfs count="32">
    <xf numFmtId="0" fontId="0" fillId="0" borderId="0" xfId="0"/>
    <xf numFmtId="0" fontId="1" fillId="0" borderId="0" xfId="0" applyFont="1"/>
    <xf numFmtId="0" fontId="2" fillId="0" borderId="0" xfId="0" applyFont="1" applyAlignment="1">
      <alignment vertical="top"/>
    </xf>
    <xf numFmtId="0" fontId="2" fillId="2" borderId="1" xfId="0" applyFont="1" applyFill="1" applyBorder="1" applyAlignment="1">
      <alignment vertical="top" wrapText="1"/>
    </xf>
    <xf numFmtId="0" fontId="2" fillId="0" borderId="0" xfId="0" applyFont="1" applyAlignment="1">
      <alignment vertical="top" wrapText="1"/>
    </xf>
    <xf numFmtId="0" fontId="2" fillId="0" borderId="5" xfId="0" applyFont="1" applyBorder="1" applyAlignment="1">
      <alignment vertical="top" wrapText="1"/>
    </xf>
    <xf numFmtId="0" fontId="2" fillId="5" borderId="6" xfId="0" applyFont="1" applyFill="1" applyBorder="1" applyAlignment="1">
      <alignment vertical="top" wrapText="1"/>
    </xf>
    <xf numFmtId="0" fontId="2" fillId="0" borderId="10" xfId="0" applyFont="1" applyBorder="1" applyAlignment="1">
      <alignment vertical="top"/>
    </xf>
    <xf numFmtId="0" fontId="4" fillId="0" borderId="0" xfId="0" applyFont="1" applyAlignment="1">
      <alignment vertical="top"/>
    </xf>
    <xf numFmtId="0" fontId="2" fillId="2" borderId="2" xfId="0" applyFont="1" applyFill="1" applyBorder="1" applyAlignment="1">
      <alignment vertical="top" wrapText="1"/>
    </xf>
    <xf numFmtId="0" fontId="2" fillId="2" borderId="9" xfId="0" applyFont="1" applyFill="1" applyBorder="1" applyAlignment="1">
      <alignment horizontal="right" vertical="top" wrapText="1"/>
    </xf>
    <xf numFmtId="0" fontId="2" fillId="3" borderId="3" xfId="0" applyFont="1" applyFill="1" applyBorder="1" applyAlignment="1">
      <alignment vertical="top"/>
    </xf>
    <xf numFmtId="0" fontId="2" fillId="3" borderId="0" xfId="0" applyFont="1" applyFill="1" applyAlignment="1">
      <alignment vertical="top"/>
    </xf>
    <xf numFmtId="0" fontId="2" fillId="3" borderId="0" xfId="0" applyFont="1" applyFill="1" applyAlignment="1">
      <alignment vertical="top" wrapText="1"/>
    </xf>
    <xf numFmtId="0" fontId="2" fillId="3" borderId="10" xfId="0" applyFont="1" applyFill="1" applyBorder="1" applyAlignment="1">
      <alignment vertical="top"/>
    </xf>
    <xf numFmtId="0" fontId="2" fillId="3" borderId="7" xfId="0" applyFont="1" applyFill="1" applyBorder="1" applyAlignment="1">
      <alignment vertical="top"/>
    </xf>
    <xf numFmtId="0" fontId="2" fillId="6" borderId="3" xfId="0" applyFont="1" applyFill="1" applyBorder="1" applyAlignment="1">
      <alignment vertical="top"/>
    </xf>
    <xf numFmtId="0" fontId="2" fillId="6" borderId="0" xfId="0" applyFont="1" applyFill="1" applyAlignment="1">
      <alignment vertical="top"/>
    </xf>
    <xf numFmtId="0" fontId="2" fillId="6" borderId="0" xfId="0" applyFont="1" applyFill="1" applyAlignment="1">
      <alignment vertical="top" wrapText="1"/>
    </xf>
    <xf numFmtId="0" fontId="2" fillId="6" borderId="10" xfId="0" applyFont="1" applyFill="1" applyBorder="1" applyAlignment="1">
      <alignment vertical="top"/>
    </xf>
    <xf numFmtId="0" fontId="2" fillId="6" borderId="7" xfId="0" applyFont="1" applyFill="1" applyBorder="1" applyAlignment="1">
      <alignment vertical="top"/>
    </xf>
    <xf numFmtId="0" fontId="2" fillId="0" borderId="3" xfId="0" applyFont="1" applyBorder="1" applyAlignment="1">
      <alignment vertical="top"/>
    </xf>
    <xf numFmtId="0" fontId="2" fillId="0" borderId="7" xfId="0" applyFont="1" applyBorder="1" applyAlignment="1">
      <alignment vertical="top"/>
    </xf>
    <xf numFmtId="0" fontId="5" fillId="0" borderId="0" xfId="0" applyFont="1"/>
    <xf numFmtId="0" fontId="2" fillId="7" borderId="0" xfId="0" applyFont="1" applyFill="1" applyAlignment="1">
      <alignment vertical="top" wrapText="1"/>
    </xf>
    <xf numFmtId="0" fontId="2" fillId="4" borderId="0" xfId="0" applyFont="1" applyFill="1" applyAlignment="1">
      <alignment vertical="top"/>
    </xf>
    <xf numFmtId="0" fontId="2" fillId="4" borderId="7" xfId="0" applyFont="1" applyFill="1" applyBorder="1" applyAlignment="1">
      <alignment vertical="top"/>
    </xf>
    <xf numFmtId="0" fontId="2" fillId="0" borderId="4" xfId="0" applyFont="1" applyBorder="1" applyAlignment="1">
      <alignment vertical="top"/>
    </xf>
    <xf numFmtId="0" fontId="2" fillId="0" borderId="5" xfId="0" applyFont="1" applyBorder="1" applyAlignment="1">
      <alignment vertical="top"/>
    </xf>
    <xf numFmtId="0" fontId="2" fillId="0" borderId="11" xfId="0" applyFont="1" applyBorder="1" applyAlignment="1">
      <alignment vertical="top"/>
    </xf>
    <xf numFmtId="0" fontId="5" fillId="0" borderId="5" xfId="0" applyFont="1" applyBorder="1"/>
    <xf numFmtId="0" fontId="2" fillId="0" borderId="8" xfId="0" applyFont="1" applyBorder="1" applyAlignment="1">
      <alignment vertical="top"/>
    </xf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5.xml"/><Relationship Id="rId5" Type="http://schemas.openxmlformats.org/officeDocument/2006/relationships/styles" Target="styles.xml"/><Relationship Id="rId10" Type="http://schemas.openxmlformats.org/officeDocument/2006/relationships/customXml" Target="../customXml/item4.xml"/><Relationship Id="rId4" Type="http://schemas.openxmlformats.org/officeDocument/2006/relationships/theme" Target="theme/theme1.xml"/><Relationship Id="rId9" Type="http://schemas.openxmlformats.org/officeDocument/2006/relationships/customXml" Target="../customXml/item3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AC203"/>
  <sheetViews>
    <sheetView tabSelected="1" zoomScaleNormal="100" workbookViewId="0">
      <selection activeCell="A3" sqref="A3"/>
    </sheetView>
  </sheetViews>
  <sheetFormatPr defaultColWidth="8.7265625" defaultRowHeight="14.5" x14ac:dyDescent="0.35"/>
  <cols>
    <col min="1" max="1" width="37.81640625" style="2" customWidth="1"/>
    <col min="2" max="2" width="11" style="2" customWidth="1"/>
    <col min="3" max="3" width="73" style="4" customWidth="1"/>
    <col min="4" max="4" width="8.7265625" style="2"/>
    <col min="5" max="5" width="9.81640625" style="2" customWidth="1"/>
    <col min="6" max="6" width="68.81640625" style="2" bestFit="1" customWidth="1"/>
    <col min="7" max="7" width="93.81640625" style="2" customWidth="1"/>
    <col min="8" max="16384" width="8.7265625" style="2"/>
  </cols>
  <sheetData>
    <row r="1" spans="1:29" ht="23.5" x14ac:dyDescent="0.35">
      <c r="A1" s="8" t="s">
        <v>502</v>
      </c>
    </row>
    <row r="2" spans="1:29" x14ac:dyDescent="0.35">
      <c r="A2" s="2" t="s">
        <v>517</v>
      </c>
    </row>
    <row r="4" spans="1:29" ht="15" thickBot="1" x14ac:dyDescent="0.4"/>
    <row r="5" spans="1:29" s="4" customFormat="1" ht="29" x14ac:dyDescent="0.35">
      <c r="A5" s="3" t="s">
        <v>477</v>
      </c>
      <c r="B5" s="9" t="s">
        <v>0</v>
      </c>
      <c r="C5" s="9" t="s">
        <v>479</v>
      </c>
      <c r="D5" s="9" t="s">
        <v>1</v>
      </c>
      <c r="E5" s="10" t="s">
        <v>481</v>
      </c>
      <c r="F5" s="9" t="s">
        <v>478</v>
      </c>
      <c r="G5" s="6" t="s">
        <v>482</v>
      </c>
      <c r="H5" s="2"/>
      <c r="I5" s="2"/>
      <c r="J5" s="2"/>
      <c r="K5" s="2"/>
      <c r="L5" s="2"/>
      <c r="M5" s="2"/>
      <c r="N5" s="2"/>
      <c r="O5" s="2"/>
      <c r="P5" s="2"/>
      <c r="Q5" s="2"/>
      <c r="R5" s="2"/>
      <c r="S5" s="2"/>
      <c r="T5" s="2"/>
      <c r="U5" s="2"/>
      <c r="V5" s="2"/>
      <c r="W5" s="2"/>
      <c r="X5" s="2"/>
      <c r="Y5" s="2"/>
      <c r="Z5" s="2"/>
      <c r="AA5" s="2"/>
      <c r="AB5" s="2"/>
      <c r="AC5" s="2"/>
    </row>
    <row r="6" spans="1:29" s="12" customFormat="1" x14ac:dyDescent="0.35">
      <c r="A6" s="11" t="s">
        <v>2</v>
      </c>
      <c r="B6" s="12" t="s">
        <v>3</v>
      </c>
      <c r="C6" s="13"/>
      <c r="E6" s="14"/>
      <c r="G6" s="15"/>
      <c r="H6" s="2"/>
      <c r="I6" s="2"/>
      <c r="J6" s="2"/>
      <c r="K6" s="2"/>
      <c r="L6" s="2"/>
      <c r="M6" s="2"/>
      <c r="N6" s="2"/>
      <c r="O6" s="2"/>
      <c r="P6" s="2"/>
      <c r="Q6" s="2"/>
      <c r="R6" s="2"/>
      <c r="S6" s="2"/>
      <c r="T6" s="2"/>
      <c r="U6" s="2"/>
      <c r="V6" s="2"/>
      <c r="W6" s="2"/>
      <c r="X6" s="2"/>
      <c r="Y6" s="2"/>
      <c r="Z6" s="2"/>
      <c r="AA6" s="2"/>
      <c r="AB6" s="2"/>
      <c r="AC6" s="2"/>
    </row>
    <row r="7" spans="1:29" s="17" customFormat="1" x14ac:dyDescent="0.35">
      <c r="A7" s="16" t="s">
        <v>4</v>
      </c>
      <c r="B7" s="17" t="s">
        <v>5</v>
      </c>
      <c r="C7" s="18"/>
      <c r="E7" s="19"/>
      <c r="G7" s="20"/>
      <c r="H7" s="2"/>
      <c r="I7" s="2"/>
      <c r="J7" s="2"/>
      <c r="K7" s="2"/>
      <c r="L7" s="2"/>
      <c r="M7" s="2"/>
      <c r="N7" s="2"/>
      <c r="O7" s="2"/>
      <c r="P7" s="2"/>
      <c r="Q7" s="2"/>
      <c r="R7" s="2"/>
      <c r="S7" s="2"/>
      <c r="T7" s="2"/>
      <c r="U7" s="2"/>
      <c r="V7" s="2"/>
      <c r="W7" s="2"/>
      <c r="X7" s="2"/>
      <c r="Y7" s="2"/>
      <c r="Z7" s="2"/>
      <c r="AA7" s="2"/>
      <c r="AB7" s="2"/>
      <c r="AC7" s="2"/>
    </row>
    <row r="8" spans="1:29" x14ac:dyDescent="0.35">
      <c r="A8" s="21" t="s">
        <v>6</v>
      </c>
      <c r="B8" s="2" t="s">
        <v>7</v>
      </c>
      <c r="C8" s="4" t="s">
        <v>8</v>
      </c>
      <c r="D8" s="2" t="s">
        <v>9</v>
      </c>
      <c r="E8" s="7">
        <v>131</v>
      </c>
      <c r="F8" s="2" t="s">
        <v>10</v>
      </c>
      <c r="G8" s="22"/>
    </row>
    <row r="9" spans="1:29" x14ac:dyDescent="0.35">
      <c r="A9" s="21" t="s">
        <v>11</v>
      </c>
      <c r="B9" s="2" t="s">
        <v>12</v>
      </c>
      <c r="C9" s="4" t="s">
        <v>13</v>
      </c>
      <c r="D9" s="2" t="s">
        <v>14</v>
      </c>
      <c r="E9" s="7">
        <v>131</v>
      </c>
      <c r="F9" s="2" t="s">
        <v>10</v>
      </c>
      <c r="G9" s="22"/>
    </row>
    <row r="10" spans="1:29" s="17" customFormat="1" x14ac:dyDescent="0.35">
      <c r="A10" s="16" t="s">
        <v>15</v>
      </c>
      <c r="B10" s="17" t="s">
        <v>16</v>
      </c>
      <c r="C10" s="18"/>
      <c r="E10" s="19"/>
      <c r="G10" s="20"/>
      <c r="H10" s="2"/>
      <c r="I10" s="2"/>
      <c r="J10" s="2"/>
      <c r="K10" s="2"/>
      <c r="L10" s="2"/>
      <c r="M10" s="2"/>
      <c r="N10" s="2"/>
      <c r="O10" s="2"/>
      <c r="P10" s="2"/>
      <c r="Q10" s="2"/>
      <c r="R10" s="2"/>
      <c r="S10" s="2"/>
      <c r="T10" s="2"/>
      <c r="U10" s="2"/>
      <c r="V10" s="2"/>
      <c r="W10" s="2"/>
      <c r="X10" s="2"/>
      <c r="Y10" s="2"/>
      <c r="Z10" s="2"/>
      <c r="AA10" s="2"/>
      <c r="AB10" s="2"/>
      <c r="AC10" s="2"/>
    </row>
    <row r="11" spans="1:29" x14ac:dyDescent="0.35">
      <c r="A11" s="21" t="s">
        <v>17</v>
      </c>
      <c r="B11" s="2" t="s">
        <v>18</v>
      </c>
      <c r="C11" s="4" t="s">
        <v>19</v>
      </c>
      <c r="D11" s="2" t="s">
        <v>9</v>
      </c>
      <c r="E11" s="7">
        <v>131</v>
      </c>
      <c r="F11" s="2" t="s">
        <v>20</v>
      </c>
      <c r="G11" s="22" t="s">
        <v>21</v>
      </c>
    </row>
    <row r="12" spans="1:29" ht="29" x14ac:dyDescent="0.35">
      <c r="A12" s="21"/>
      <c r="B12" s="2" t="s">
        <v>22</v>
      </c>
      <c r="C12" s="4" t="s">
        <v>23</v>
      </c>
      <c r="D12" s="2" t="s">
        <v>9</v>
      </c>
      <c r="E12" s="7">
        <v>131</v>
      </c>
      <c r="F12" s="2" t="s">
        <v>24</v>
      </c>
      <c r="G12" s="22" t="s">
        <v>25</v>
      </c>
    </row>
    <row r="13" spans="1:29" x14ac:dyDescent="0.35">
      <c r="A13" s="21"/>
      <c r="B13" s="2" t="s">
        <v>26</v>
      </c>
      <c r="C13" s="4" t="s">
        <v>27</v>
      </c>
      <c r="D13" s="2" t="s">
        <v>9</v>
      </c>
      <c r="E13" s="7">
        <v>131</v>
      </c>
      <c r="F13" s="2" t="s">
        <v>28</v>
      </c>
      <c r="G13" s="22" t="s">
        <v>29</v>
      </c>
    </row>
    <row r="14" spans="1:29" x14ac:dyDescent="0.35">
      <c r="A14" s="21"/>
      <c r="B14" s="2" t="s">
        <v>30</v>
      </c>
      <c r="C14" s="4" t="s">
        <v>31</v>
      </c>
      <c r="D14" s="2" t="s">
        <v>9</v>
      </c>
      <c r="E14" s="7">
        <v>131</v>
      </c>
      <c r="F14" s="2" t="s">
        <v>24</v>
      </c>
      <c r="G14" s="22" t="s">
        <v>21</v>
      </c>
    </row>
    <row r="15" spans="1:29" x14ac:dyDescent="0.35">
      <c r="A15" s="21"/>
      <c r="B15" s="2" t="s">
        <v>32</v>
      </c>
      <c r="C15" s="4" t="s">
        <v>33</v>
      </c>
      <c r="D15" s="2" t="s">
        <v>9</v>
      </c>
      <c r="E15" s="7">
        <v>131</v>
      </c>
      <c r="F15" s="2" t="s">
        <v>28</v>
      </c>
      <c r="G15" s="22"/>
    </row>
    <row r="16" spans="1:29" x14ac:dyDescent="0.35">
      <c r="A16" s="21"/>
      <c r="B16" s="2" t="s">
        <v>34</v>
      </c>
      <c r="C16" s="4" t="s">
        <v>35</v>
      </c>
      <c r="D16" s="2" t="s">
        <v>9</v>
      </c>
      <c r="E16" s="7">
        <v>131</v>
      </c>
      <c r="F16" s="2" t="s">
        <v>24</v>
      </c>
      <c r="G16" s="22"/>
    </row>
    <row r="17" spans="1:7" x14ac:dyDescent="0.35">
      <c r="A17" s="21"/>
      <c r="B17" s="2" t="s">
        <v>36</v>
      </c>
      <c r="C17" s="4" t="s">
        <v>37</v>
      </c>
      <c r="D17" s="2" t="s">
        <v>14</v>
      </c>
      <c r="E17" s="7">
        <v>131</v>
      </c>
      <c r="F17" s="2" t="s">
        <v>24</v>
      </c>
      <c r="G17" s="22"/>
    </row>
    <row r="18" spans="1:7" x14ac:dyDescent="0.35">
      <c r="A18" s="21"/>
      <c r="B18" s="2" t="s">
        <v>38</v>
      </c>
      <c r="C18" s="4" t="s">
        <v>39</v>
      </c>
      <c r="D18" s="2" t="s">
        <v>9</v>
      </c>
      <c r="E18" s="7">
        <v>131</v>
      </c>
      <c r="F18" s="2" t="s">
        <v>24</v>
      </c>
      <c r="G18" s="22"/>
    </row>
    <row r="19" spans="1:7" x14ac:dyDescent="0.35">
      <c r="A19" s="21"/>
      <c r="B19" s="2" t="s">
        <v>40</v>
      </c>
      <c r="C19" s="4" t="s">
        <v>41</v>
      </c>
      <c r="D19" s="2" t="s">
        <v>14</v>
      </c>
      <c r="E19" s="7">
        <v>117</v>
      </c>
      <c r="F19" s="2" t="s">
        <v>24</v>
      </c>
      <c r="G19" s="22"/>
    </row>
    <row r="20" spans="1:7" x14ac:dyDescent="0.35">
      <c r="A20" s="21"/>
      <c r="B20" s="2" t="s">
        <v>42</v>
      </c>
      <c r="C20" s="4" t="s">
        <v>43</v>
      </c>
      <c r="D20" s="2" t="s">
        <v>14</v>
      </c>
      <c r="E20" s="7">
        <v>117</v>
      </c>
      <c r="F20" s="2" t="s">
        <v>44</v>
      </c>
      <c r="G20" s="22"/>
    </row>
    <row r="21" spans="1:7" x14ac:dyDescent="0.35">
      <c r="A21" s="21" t="s">
        <v>45</v>
      </c>
      <c r="B21" s="2" t="s">
        <v>46</v>
      </c>
      <c r="C21" s="4" t="s">
        <v>47</v>
      </c>
      <c r="D21" s="2" t="s">
        <v>14</v>
      </c>
      <c r="E21" s="7">
        <v>107</v>
      </c>
      <c r="F21" s="2" t="s">
        <v>24</v>
      </c>
      <c r="G21" s="22"/>
    </row>
    <row r="22" spans="1:7" x14ac:dyDescent="0.35">
      <c r="A22" s="21"/>
      <c r="B22" s="2" t="s">
        <v>48</v>
      </c>
      <c r="C22" s="4" t="s">
        <v>49</v>
      </c>
      <c r="D22" s="2" t="s">
        <v>14</v>
      </c>
      <c r="E22" s="7">
        <v>107</v>
      </c>
      <c r="F22" s="2" t="s">
        <v>24</v>
      </c>
      <c r="G22" s="22"/>
    </row>
    <row r="23" spans="1:7" x14ac:dyDescent="0.35">
      <c r="A23" s="21"/>
      <c r="B23" s="2" t="s">
        <v>50</v>
      </c>
      <c r="C23" s="4" t="s">
        <v>51</v>
      </c>
      <c r="D23" s="2" t="s">
        <v>14</v>
      </c>
      <c r="E23" s="7">
        <v>107</v>
      </c>
      <c r="F23" s="2" t="s">
        <v>24</v>
      </c>
      <c r="G23" s="22"/>
    </row>
    <row r="24" spans="1:7" x14ac:dyDescent="0.35">
      <c r="A24" s="21"/>
      <c r="B24" s="2" t="s">
        <v>52</v>
      </c>
      <c r="C24" s="4" t="s">
        <v>39</v>
      </c>
      <c r="D24" s="2" t="s">
        <v>14</v>
      </c>
      <c r="E24" s="7">
        <v>131</v>
      </c>
      <c r="F24" s="2" t="s">
        <v>44</v>
      </c>
      <c r="G24" s="22"/>
    </row>
    <row r="25" spans="1:7" x14ac:dyDescent="0.35">
      <c r="A25" s="21"/>
      <c r="B25" s="2" t="s">
        <v>53</v>
      </c>
      <c r="C25" s="4" t="s">
        <v>508</v>
      </c>
      <c r="D25" s="2" t="s">
        <v>14</v>
      </c>
      <c r="E25" s="7">
        <v>131</v>
      </c>
      <c r="F25" s="2" t="s">
        <v>54</v>
      </c>
      <c r="G25" s="22"/>
    </row>
    <row r="26" spans="1:7" x14ac:dyDescent="0.35">
      <c r="A26" s="21" t="s">
        <v>55</v>
      </c>
      <c r="B26" s="2" t="s">
        <v>56</v>
      </c>
      <c r="C26" s="4" t="s">
        <v>57</v>
      </c>
      <c r="D26" s="2" t="s">
        <v>14</v>
      </c>
      <c r="E26" s="7">
        <v>131</v>
      </c>
      <c r="F26" s="2" t="s">
        <v>24</v>
      </c>
      <c r="G26" s="22"/>
    </row>
    <row r="27" spans="1:7" ht="29" x14ac:dyDescent="0.35">
      <c r="A27" s="21"/>
      <c r="B27" s="2" t="s">
        <v>58</v>
      </c>
      <c r="C27" s="4" t="s">
        <v>59</v>
      </c>
      <c r="D27" s="2" t="s">
        <v>9</v>
      </c>
      <c r="E27" s="7">
        <v>131</v>
      </c>
      <c r="F27" s="2" t="s">
        <v>24</v>
      </c>
      <c r="G27" s="22"/>
    </row>
    <row r="28" spans="1:7" x14ac:dyDescent="0.35">
      <c r="A28" s="21"/>
      <c r="B28" s="2" t="s">
        <v>60</v>
      </c>
      <c r="C28" s="4" t="s">
        <v>61</v>
      </c>
      <c r="D28" s="2" t="s">
        <v>9</v>
      </c>
      <c r="E28" s="7">
        <v>117</v>
      </c>
      <c r="F28" s="2" t="s">
        <v>24</v>
      </c>
      <c r="G28" s="22"/>
    </row>
    <row r="29" spans="1:7" x14ac:dyDescent="0.35">
      <c r="A29" s="21"/>
      <c r="B29" s="2" t="s">
        <v>62</v>
      </c>
      <c r="C29" s="4" t="s">
        <v>63</v>
      </c>
      <c r="D29" s="2" t="s">
        <v>9</v>
      </c>
      <c r="E29" s="7">
        <v>117</v>
      </c>
      <c r="F29" s="2" t="s">
        <v>24</v>
      </c>
      <c r="G29" s="22"/>
    </row>
    <row r="30" spans="1:7" x14ac:dyDescent="0.35">
      <c r="A30" s="21"/>
      <c r="B30" s="2" t="s">
        <v>64</v>
      </c>
      <c r="C30" s="4" t="s">
        <v>65</v>
      </c>
      <c r="D30" s="2" t="s">
        <v>9</v>
      </c>
      <c r="E30" s="7">
        <v>117</v>
      </c>
      <c r="F30" s="2" t="s">
        <v>44</v>
      </c>
      <c r="G30" s="22" t="s">
        <v>66</v>
      </c>
    </row>
    <row r="31" spans="1:7" x14ac:dyDescent="0.35">
      <c r="A31" s="21"/>
      <c r="B31" s="2" t="s">
        <v>67</v>
      </c>
      <c r="C31" s="4" t="s">
        <v>68</v>
      </c>
      <c r="D31" s="2" t="s">
        <v>14</v>
      </c>
      <c r="E31" s="7">
        <v>131</v>
      </c>
      <c r="F31" s="2" t="s">
        <v>20</v>
      </c>
      <c r="G31" s="22"/>
    </row>
    <row r="32" spans="1:7" x14ac:dyDescent="0.35">
      <c r="A32" s="21"/>
      <c r="B32" s="2" t="s">
        <v>69</v>
      </c>
      <c r="C32" s="4" t="s">
        <v>70</v>
      </c>
      <c r="D32" s="2" t="s">
        <v>14</v>
      </c>
      <c r="E32" s="7">
        <v>131</v>
      </c>
      <c r="F32" s="2" t="s">
        <v>20</v>
      </c>
      <c r="G32" s="22"/>
    </row>
    <row r="33" spans="1:29" x14ac:dyDescent="0.35">
      <c r="A33" s="21"/>
      <c r="B33" s="2" t="s">
        <v>71</v>
      </c>
      <c r="C33" s="4" t="s">
        <v>72</v>
      </c>
      <c r="D33" s="2" t="s">
        <v>14</v>
      </c>
      <c r="E33" s="7">
        <v>117</v>
      </c>
      <c r="F33" s="2" t="s">
        <v>24</v>
      </c>
      <c r="G33" s="22"/>
    </row>
    <row r="34" spans="1:29" x14ac:dyDescent="0.35">
      <c r="A34" s="21" t="s">
        <v>73</v>
      </c>
      <c r="B34" s="2" t="s">
        <v>74</v>
      </c>
      <c r="C34" s="4" t="s">
        <v>75</v>
      </c>
      <c r="D34" s="2" t="s">
        <v>14</v>
      </c>
      <c r="E34" s="7">
        <v>131</v>
      </c>
      <c r="F34" s="2" t="s">
        <v>20</v>
      </c>
      <c r="G34" s="22"/>
    </row>
    <row r="35" spans="1:29" x14ac:dyDescent="0.35">
      <c r="A35" s="21"/>
      <c r="B35" s="2" t="s">
        <v>76</v>
      </c>
      <c r="C35" s="4" t="s">
        <v>77</v>
      </c>
      <c r="D35" s="2" t="s">
        <v>14</v>
      </c>
      <c r="E35" s="7">
        <v>131</v>
      </c>
      <c r="F35" s="2" t="s">
        <v>20</v>
      </c>
      <c r="G35" s="22"/>
    </row>
    <row r="36" spans="1:29" x14ac:dyDescent="0.35">
      <c r="A36" s="21"/>
      <c r="B36" s="2" t="s">
        <v>78</v>
      </c>
      <c r="C36" s="4" t="s">
        <v>79</v>
      </c>
      <c r="D36" s="2" t="s">
        <v>14</v>
      </c>
      <c r="E36" s="7">
        <v>131</v>
      </c>
      <c r="F36" s="2" t="s">
        <v>20</v>
      </c>
      <c r="G36" s="22"/>
    </row>
    <row r="37" spans="1:29" x14ac:dyDescent="0.35">
      <c r="A37" s="21"/>
      <c r="B37" s="2" t="s">
        <v>80</v>
      </c>
      <c r="C37" s="4" t="s">
        <v>81</v>
      </c>
      <c r="D37" s="2" t="s">
        <v>14</v>
      </c>
      <c r="E37" s="7">
        <v>131</v>
      </c>
      <c r="F37" s="2" t="s">
        <v>20</v>
      </c>
      <c r="G37" s="22"/>
    </row>
    <row r="38" spans="1:29" x14ac:dyDescent="0.35">
      <c r="A38" s="21"/>
      <c r="B38" s="2" t="s">
        <v>82</v>
      </c>
      <c r="C38" s="4" t="s">
        <v>83</v>
      </c>
      <c r="D38" s="2" t="s">
        <v>14</v>
      </c>
      <c r="E38" s="7">
        <v>131</v>
      </c>
      <c r="F38" s="2" t="s">
        <v>20</v>
      </c>
      <c r="G38" s="22"/>
    </row>
    <row r="39" spans="1:29" x14ac:dyDescent="0.35">
      <c r="A39" s="21"/>
      <c r="B39" s="2" t="s">
        <v>84</v>
      </c>
      <c r="C39" s="4" t="s">
        <v>85</v>
      </c>
      <c r="D39" s="2" t="s">
        <v>14</v>
      </c>
      <c r="E39" s="7">
        <v>131</v>
      </c>
      <c r="F39" s="2" t="s">
        <v>86</v>
      </c>
      <c r="G39" s="22"/>
    </row>
    <row r="40" spans="1:29" x14ac:dyDescent="0.35">
      <c r="A40" s="21"/>
      <c r="B40" s="2" t="s">
        <v>87</v>
      </c>
      <c r="C40" s="4" t="s">
        <v>88</v>
      </c>
      <c r="D40" s="2" t="s">
        <v>14</v>
      </c>
      <c r="E40" s="7">
        <v>131</v>
      </c>
      <c r="F40" s="2" t="s">
        <v>10</v>
      </c>
      <c r="G40" s="22"/>
    </row>
    <row r="41" spans="1:29" x14ac:dyDescent="0.35">
      <c r="A41" s="21" t="s">
        <v>89</v>
      </c>
      <c r="B41" s="2" t="s">
        <v>90</v>
      </c>
      <c r="C41" s="4" t="s">
        <v>91</v>
      </c>
      <c r="D41" s="2" t="s">
        <v>9</v>
      </c>
      <c r="E41" s="7">
        <v>94</v>
      </c>
      <c r="F41" s="23" t="s">
        <v>92</v>
      </c>
      <c r="G41" s="22"/>
    </row>
    <row r="42" spans="1:29" s="17" customFormat="1" x14ac:dyDescent="0.35">
      <c r="A42" s="16" t="s">
        <v>93</v>
      </c>
      <c r="B42" s="17" t="s">
        <v>94</v>
      </c>
      <c r="C42" s="18"/>
      <c r="E42" s="19"/>
      <c r="G42" s="20"/>
      <c r="H42" s="2"/>
      <c r="I42" s="2"/>
      <c r="J42" s="2"/>
      <c r="K42" s="2"/>
      <c r="L42" s="2"/>
      <c r="M42" s="2"/>
      <c r="N42" s="2"/>
      <c r="O42" s="2"/>
      <c r="P42" s="2"/>
      <c r="Q42" s="2"/>
      <c r="R42" s="2"/>
      <c r="S42" s="2"/>
      <c r="T42" s="2"/>
      <c r="U42" s="2"/>
      <c r="V42" s="2"/>
      <c r="W42" s="2"/>
      <c r="X42" s="2"/>
      <c r="Y42" s="2"/>
      <c r="Z42" s="2"/>
      <c r="AA42" s="2"/>
      <c r="AB42" s="2"/>
      <c r="AC42" s="2"/>
    </row>
    <row r="43" spans="1:29" x14ac:dyDescent="0.35">
      <c r="A43" s="21" t="s">
        <v>95</v>
      </c>
      <c r="B43" s="2" t="s">
        <v>96</v>
      </c>
      <c r="C43" s="4" t="s">
        <v>97</v>
      </c>
      <c r="D43" s="2" t="s">
        <v>9</v>
      </c>
      <c r="E43" s="7">
        <v>117</v>
      </c>
      <c r="F43" s="2" t="s">
        <v>506</v>
      </c>
      <c r="G43" s="22" t="s">
        <v>21</v>
      </c>
    </row>
    <row r="44" spans="1:29" x14ac:dyDescent="0.35">
      <c r="A44" s="21"/>
      <c r="B44" s="2" t="s">
        <v>98</v>
      </c>
      <c r="C44" s="4" t="s">
        <v>99</v>
      </c>
      <c r="D44" s="2" t="s">
        <v>14</v>
      </c>
      <c r="E44" s="7">
        <v>117</v>
      </c>
      <c r="F44" s="2" t="s">
        <v>506</v>
      </c>
      <c r="G44" s="22" t="s">
        <v>21</v>
      </c>
    </row>
    <row r="45" spans="1:29" x14ac:dyDescent="0.35">
      <c r="A45" s="21"/>
      <c r="B45" s="2" t="s">
        <v>100</v>
      </c>
      <c r="C45" s="4" t="s">
        <v>101</v>
      </c>
      <c r="D45" s="2" t="s">
        <v>14</v>
      </c>
      <c r="E45" s="7">
        <v>107</v>
      </c>
      <c r="F45" s="2" t="s">
        <v>506</v>
      </c>
      <c r="G45" s="22"/>
    </row>
    <row r="46" spans="1:29" x14ac:dyDescent="0.35">
      <c r="A46" s="21"/>
      <c r="B46" s="2" t="s">
        <v>102</v>
      </c>
      <c r="C46" s="4" t="s">
        <v>103</v>
      </c>
      <c r="D46" s="2" t="s">
        <v>14</v>
      </c>
      <c r="E46" s="7">
        <v>117</v>
      </c>
      <c r="F46" s="2" t="s">
        <v>104</v>
      </c>
      <c r="G46" s="22"/>
    </row>
    <row r="47" spans="1:29" x14ac:dyDescent="0.35">
      <c r="A47" s="21"/>
      <c r="B47" s="2" t="s">
        <v>105</v>
      </c>
      <c r="C47" s="4" t="s">
        <v>106</v>
      </c>
      <c r="D47" s="2" t="s">
        <v>14</v>
      </c>
      <c r="E47" s="7">
        <v>117</v>
      </c>
      <c r="F47" s="2" t="s">
        <v>86</v>
      </c>
      <c r="G47" s="22"/>
    </row>
    <row r="48" spans="1:29" x14ac:dyDescent="0.35">
      <c r="A48" s="21"/>
      <c r="B48" s="2" t="s">
        <v>107</v>
      </c>
      <c r="C48" s="4" t="s">
        <v>108</v>
      </c>
      <c r="D48" s="2" t="s">
        <v>9</v>
      </c>
      <c r="E48" s="7">
        <v>117</v>
      </c>
      <c r="F48" s="2" t="s">
        <v>104</v>
      </c>
      <c r="G48" s="22"/>
    </row>
    <row r="49" spans="1:7" x14ac:dyDescent="0.35">
      <c r="A49" s="21"/>
      <c r="B49" s="2" t="s">
        <v>492</v>
      </c>
      <c r="C49" s="4" t="s">
        <v>491</v>
      </c>
      <c r="D49" s="2" t="s">
        <v>14</v>
      </c>
      <c r="E49" s="7">
        <v>117</v>
      </c>
      <c r="F49" s="2" t="s">
        <v>44</v>
      </c>
      <c r="G49" s="22"/>
    </row>
    <row r="50" spans="1:7" x14ac:dyDescent="0.35">
      <c r="A50" s="21" t="s">
        <v>109</v>
      </c>
      <c r="B50" s="2" t="s">
        <v>110</v>
      </c>
      <c r="C50" s="4" t="s">
        <v>111</v>
      </c>
      <c r="D50" s="2" t="s">
        <v>9</v>
      </c>
      <c r="E50" s="7">
        <v>107</v>
      </c>
      <c r="F50" s="2" t="s">
        <v>86</v>
      </c>
      <c r="G50" s="22"/>
    </row>
    <row r="51" spans="1:7" x14ac:dyDescent="0.35">
      <c r="A51" s="21"/>
      <c r="B51" s="2" t="s">
        <v>112</v>
      </c>
      <c r="C51" s="4" t="s">
        <v>113</v>
      </c>
      <c r="D51" s="2" t="s">
        <v>14</v>
      </c>
      <c r="E51" s="7">
        <v>107</v>
      </c>
      <c r="F51" s="2" t="s">
        <v>86</v>
      </c>
      <c r="G51" s="22"/>
    </row>
    <row r="52" spans="1:7" x14ac:dyDescent="0.35">
      <c r="A52" s="21"/>
      <c r="B52" s="2" t="s">
        <v>114</v>
      </c>
      <c r="C52" s="4" t="s">
        <v>115</v>
      </c>
      <c r="D52" s="2" t="s">
        <v>14</v>
      </c>
      <c r="E52" s="7">
        <v>107</v>
      </c>
      <c r="F52" s="2" t="s">
        <v>86</v>
      </c>
      <c r="G52" s="22"/>
    </row>
    <row r="53" spans="1:7" x14ac:dyDescent="0.35">
      <c r="A53" s="21"/>
      <c r="B53" s="2" t="s">
        <v>116</v>
      </c>
      <c r="C53" s="4" t="s">
        <v>117</v>
      </c>
      <c r="D53" s="2" t="s">
        <v>14</v>
      </c>
      <c r="E53" s="7">
        <v>107</v>
      </c>
      <c r="F53" s="2" t="s">
        <v>86</v>
      </c>
      <c r="G53" s="22"/>
    </row>
    <row r="54" spans="1:7" x14ac:dyDescent="0.35">
      <c r="A54" s="21"/>
      <c r="B54" s="2" t="s">
        <v>118</v>
      </c>
      <c r="C54" s="4" t="s">
        <v>119</v>
      </c>
      <c r="D54" s="2" t="s">
        <v>14</v>
      </c>
      <c r="E54" s="7">
        <v>107</v>
      </c>
      <c r="F54" s="2" t="s">
        <v>86</v>
      </c>
      <c r="G54" s="22"/>
    </row>
    <row r="55" spans="1:7" x14ac:dyDescent="0.35">
      <c r="A55" s="21"/>
      <c r="B55" s="2" t="s">
        <v>120</v>
      </c>
      <c r="C55" s="4" t="s">
        <v>121</v>
      </c>
      <c r="D55" s="2" t="s">
        <v>14</v>
      </c>
      <c r="E55" s="7">
        <v>107</v>
      </c>
      <c r="F55" s="2" t="s">
        <v>86</v>
      </c>
      <c r="G55" s="22"/>
    </row>
    <row r="56" spans="1:7" x14ac:dyDescent="0.35">
      <c r="A56" s="21" t="s">
        <v>122</v>
      </c>
      <c r="B56" s="2" t="s">
        <v>123</v>
      </c>
      <c r="C56" s="4" t="s">
        <v>497</v>
      </c>
      <c r="D56" s="2" t="s">
        <v>9</v>
      </c>
      <c r="E56" s="7">
        <v>117</v>
      </c>
      <c r="F56" s="2" t="s">
        <v>505</v>
      </c>
      <c r="G56" s="22"/>
    </row>
    <row r="57" spans="1:7" x14ac:dyDescent="0.35">
      <c r="A57" s="21"/>
      <c r="B57" s="2" t="s">
        <v>124</v>
      </c>
      <c r="C57" s="4" t="s">
        <v>500</v>
      </c>
      <c r="D57" s="2" t="s">
        <v>9</v>
      </c>
      <c r="E57" s="7">
        <v>117</v>
      </c>
      <c r="F57" s="2" t="s">
        <v>506</v>
      </c>
      <c r="G57" s="22"/>
    </row>
    <row r="58" spans="1:7" x14ac:dyDescent="0.35">
      <c r="A58" s="21"/>
      <c r="B58" s="2" t="s">
        <v>125</v>
      </c>
      <c r="C58" s="4" t="s">
        <v>126</v>
      </c>
      <c r="D58" s="2" t="s">
        <v>14</v>
      </c>
      <c r="E58" s="7">
        <v>117</v>
      </c>
      <c r="F58" s="2" t="s">
        <v>506</v>
      </c>
      <c r="G58" s="22"/>
    </row>
    <row r="59" spans="1:7" x14ac:dyDescent="0.35">
      <c r="A59" s="21"/>
      <c r="B59" s="2" t="s">
        <v>127</v>
      </c>
      <c r="C59" s="4" t="s">
        <v>128</v>
      </c>
      <c r="D59" s="2" t="s">
        <v>14</v>
      </c>
      <c r="E59" s="7">
        <v>117</v>
      </c>
      <c r="F59" s="2" t="s">
        <v>506</v>
      </c>
      <c r="G59" s="22"/>
    </row>
    <row r="60" spans="1:7" x14ac:dyDescent="0.35">
      <c r="A60" s="21"/>
      <c r="B60" s="2" t="s">
        <v>129</v>
      </c>
      <c r="C60" s="4" t="s">
        <v>130</v>
      </c>
      <c r="D60" s="2" t="s">
        <v>14</v>
      </c>
      <c r="E60" s="7">
        <v>117</v>
      </c>
      <c r="F60" s="2" t="s">
        <v>506</v>
      </c>
      <c r="G60" s="22"/>
    </row>
    <row r="61" spans="1:7" x14ac:dyDescent="0.35">
      <c r="A61" s="21"/>
      <c r="B61" s="2" t="s">
        <v>131</v>
      </c>
      <c r="C61" s="4" t="s">
        <v>132</v>
      </c>
      <c r="D61" s="2" t="s">
        <v>9</v>
      </c>
      <c r="E61" s="7">
        <v>117</v>
      </c>
      <c r="F61" s="2" t="s">
        <v>506</v>
      </c>
      <c r="G61" s="22"/>
    </row>
    <row r="62" spans="1:7" x14ac:dyDescent="0.35">
      <c r="A62" s="21"/>
      <c r="B62" s="2" t="s">
        <v>133</v>
      </c>
      <c r="C62" s="4" t="s">
        <v>134</v>
      </c>
      <c r="D62" s="2" t="s">
        <v>14</v>
      </c>
      <c r="E62" s="7">
        <v>117</v>
      </c>
      <c r="F62" s="2" t="s">
        <v>506</v>
      </c>
      <c r="G62" s="22"/>
    </row>
    <row r="63" spans="1:7" x14ac:dyDescent="0.35">
      <c r="A63" s="21"/>
      <c r="B63" s="2" t="s">
        <v>135</v>
      </c>
      <c r="C63" s="4" t="s">
        <v>498</v>
      </c>
      <c r="D63" s="2" t="s">
        <v>9</v>
      </c>
      <c r="E63" s="7">
        <v>117</v>
      </c>
      <c r="F63" s="2" t="s">
        <v>505</v>
      </c>
      <c r="G63" s="22"/>
    </row>
    <row r="64" spans="1:7" ht="29" x14ac:dyDescent="0.35">
      <c r="A64" s="21"/>
      <c r="B64" s="2" t="s">
        <v>136</v>
      </c>
      <c r="C64" s="4" t="s">
        <v>137</v>
      </c>
      <c r="D64" s="2" t="s">
        <v>9</v>
      </c>
      <c r="E64" s="7">
        <v>117</v>
      </c>
      <c r="F64" s="2" t="s">
        <v>506</v>
      </c>
      <c r="G64" s="22" t="s">
        <v>138</v>
      </c>
    </row>
    <row r="65" spans="1:29" x14ac:dyDescent="0.35">
      <c r="A65" s="21"/>
      <c r="B65" s="2" t="s">
        <v>139</v>
      </c>
      <c r="C65" s="4" t="s">
        <v>499</v>
      </c>
      <c r="D65" s="2" t="s">
        <v>9</v>
      </c>
      <c r="E65" s="7">
        <v>117</v>
      </c>
      <c r="F65" s="2" t="s">
        <v>86</v>
      </c>
      <c r="G65" s="22"/>
    </row>
    <row r="66" spans="1:29" x14ac:dyDescent="0.35">
      <c r="A66" s="21"/>
      <c r="B66" s="2" t="s">
        <v>140</v>
      </c>
      <c r="C66" s="4" t="s">
        <v>141</v>
      </c>
      <c r="D66" s="2" t="s">
        <v>9</v>
      </c>
      <c r="E66" s="7">
        <v>117</v>
      </c>
      <c r="F66" s="2" t="s">
        <v>86</v>
      </c>
      <c r="G66" s="22"/>
    </row>
    <row r="67" spans="1:29" x14ac:dyDescent="0.35">
      <c r="A67" s="21"/>
      <c r="B67" s="2" t="s">
        <v>142</v>
      </c>
      <c r="C67" s="4" t="s">
        <v>143</v>
      </c>
      <c r="D67" s="2" t="s">
        <v>9</v>
      </c>
      <c r="E67" s="7">
        <v>117</v>
      </c>
      <c r="F67" s="2" t="s">
        <v>506</v>
      </c>
      <c r="G67" s="22"/>
    </row>
    <row r="68" spans="1:29" x14ac:dyDescent="0.35">
      <c r="A68" s="21"/>
      <c r="B68" s="2" t="s">
        <v>144</v>
      </c>
      <c r="C68" s="4" t="s">
        <v>145</v>
      </c>
      <c r="D68" s="2" t="s">
        <v>14</v>
      </c>
      <c r="E68" s="7">
        <v>117</v>
      </c>
      <c r="F68" s="2" t="s">
        <v>506</v>
      </c>
      <c r="G68" s="22"/>
    </row>
    <row r="69" spans="1:29" x14ac:dyDescent="0.35">
      <c r="A69" s="21"/>
      <c r="B69" s="2" t="s">
        <v>146</v>
      </c>
      <c r="C69" s="4" t="s">
        <v>147</v>
      </c>
      <c r="D69" s="2" t="s">
        <v>9</v>
      </c>
      <c r="E69" s="7">
        <v>117</v>
      </c>
      <c r="F69" s="2" t="s">
        <v>86</v>
      </c>
      <c r="G69" s="22"/>
    </row>
    <row r="70" spans="1:29" x14ac:dyDescent="0.35">
      <c r="A70" s="21"/>
      <c r="B70" s="2" t="s">
        <v>148</v>
      </c>
      <c r="C70" s="4" t="s">
        <v>149</v>
      </c>
      <c r="D70" s="2" t="s">
        <v>9</v>
      </c>
      <c r="E70" s="7">
        <v>117</v>
      </c>
      <c r="F70" s="2" t="s">
        <v>506</v>
      </c>
      <c r="G70" s="22"/>
    </row>
    <row r="71" spans="1:29" ht="29" x14ac:dyDescent="0.35">
      <c r="A71" s="21"/>
      <c r="B71" s="2" t="s">
        <v>150</v>
      </c>
      <c r="C71" s="4" t="s">
        <v>151</v>
      </c>
      <c r="D71" s="2" t="s">
        <v>14</v>
      </c>
      <c r="E71" s="7">
        <v>117</v>
      </c>
      <c r="F71" s="2" t="s">
        <v>86</v>
      </c>
      <c r="G71" s="22"/>
    </row>
    <row r="72" spans="1:29" x14ac:dyDescent="0.35">
      <c r="A72" s="21"/>
      <c r="B72" s="2" t="s">
        <v>495</v>
      </c>
      <c r="C72" s="4" t="s">
        <v>493</v>
      </c>
      <c r="D72" s="2" t="s">
        <v>9</v>
      </c>
      <c r="E72" s="7">
        <v>117</v>
      </c>
      <c r="F72" s="2" t="s">
        <v>505</v>
      </c>
      <c r="G72" s="22"/>
    </row>
    <row r="73" spans="1:29" x14ac:dyDescent="0.35">
      <c r="A73" s="21"/>
      <c r="B73" s="2" t="s">
        <v>496</v>
      </c>
      <c r="C73" s="4" t="s">
        <v>494</v>
      </c>
      <c r="D73" s="2" t="s">
        <v>9</v>
      </c>
      <c r="E73" s="7">
        <v>117</v>
      </c>
      <c r="F73" s="2" t="s">
        <v>505</v>
      </c>
      <c r="G73" s="22"/>
    </row>
    <row r="74" spans="1:29" x14ac:dyDescent="0.35">
      <c r="A74" s="21"/>
      <c r="B74" s="2" t="s">
        <v>503</v>
      </c>
      <c r="C74" s="4" t="s">
        <v>504</v>
      </c>
      <c r="D74" s="2" t="s">
        <v>9</v>
      </c>
      <c r="E74" s="7">
        <v>117</v>
      </c>
      <c r="F74" s="2" t="s">
        <v>86</v>
      </c>
      <c r="G74" s="22"/>
    </row>
    <row r="75" spans="1:29" s="17" customFormat="1" x14ac:dyDescent="0.35">
      <c r="A75" s="16" t="s">
        <v>152</v>
      </c>
      <c r="B75" s="17" t="s">
        <v>153</v>
      </c>
      <c r="C75" s="18"/>
      <c r="E75" s="19"/>
      <c r="G75" s="20"/>
      <c r="H75" s="2"/>
      <c r="I75" s="2"/>
      <c r="J75" s="2"/>
      <c r="K75" s="2"/>
      <c r="L75" s="2"/>
      <c r="M75" s="2"/>
      <c r="N75" s="2"/>
      <c r="O75" s="2"/>
      <c r="P75" s="2"/>
      <c r="Q75" s="2"/>
      <c r="R75" s="2"/>
      <c r="S75" s="2"/>
      <c r="T75" s="2"/>
      <c r="U75" s="2"/>
      <c r="V75" s="2"/>
      <c r="W75" s="2"/>
      <c r="X75" s="2"/>
      <c r="Y75" s="2"/>
      <c r="Z75" s="2"/>
      <c r="AA75" s="2"/>
      <c r="AB75" s="2"/>
      <c r="AC75" s="2"/>
    </row>
    <row r="76" spans="1:29" x14ac:dyDescent="0.35">
      <c r="A76" s="21" t="s">
        <v>154</v>
      </c>
      <c r="B76" s="2" t="s">
        <v>155</v>
      </c>
      <c r="C76" s="4" t="s">
        <v>156</v>
      </c>
      <c r="D76" s="2" t="s">
        <v>9</v>
      </c>
      <c r="E76" s="7">
        <v>131</v>
      </c>
      <c r="F76" s="2" t="s">
        <v>509</v>
      </c>
      <c r="G76" s="22"/>
    </row>
    <row r="77" spans="1:29" ht="29" x14ac:dyDescent="0.35">
      <c r="A77" s="21"/>
      <c r="B77" s="2" t="s">
        <v>157</v>
      </c>
      <c r="C77" s="4" t="s">
        <v>158</v>
      </c>
      <c r="D77" s="2" t="s">
        <v>14</v>
      </c>
      <c r="E77" s="7">
        <v>131</v>
      </c>
      <c r="F77" s="2" t="s">
        <v>509</v>
      </c>
      <c r="G77" s="22"/>
    </row>
    <row r="78" spans="1:29" x14ac:dyDescent="0.35">
      <c r="A78" s="21"/>
      <c r="B78" s="2" t="s">
        <v>159</v>
      </c>
      <c r="C78" s="4" t="s">
        <v>160</v>
      </c>
      <c r="D78" s="2" t="s">
        <v>9</v>
      </c>
      <c r="E78" s="7">
        <v>131</v>
      </c>
      <c r="F78" s="2" t="s">
        <v>510</v>
      </c>
      <c r="G78" s="22"/>
    </row>
    <row r="79" spans="1:29" x14ac:dyDescent="0.35">
      <c r="A79" s="21"/>
      <c r="B79" s="2" t="s">
        <v>161</v>
      </c>
      <c r="C79" s="4" t="s">
        <v>162</v>
      </c>
      <c r="D79" s="2" t="s">
        <v>14</v>
      </c>
      <c r="E79" s="7">
        <v>131</v>
      </c>
      <c r="F79" s="2" t="s">
        <v>510</v>
      </c>
      <c r="G79" s="22"/>
    </row>
    <row r="80" spans="1:29" x14ac:dyDescent="0.35">
      <c r="A80" s="21"/>
      <c r="B80" s="2" t="s">
        <v>163</v>
      </c>
      <c r="C80" s="4" t="s">
        <v>164</v>
      </c>
      <c r="D80" s="2" t="s">
        <v>9</v>
      </c>
      <c r="E80" s="7">
        <v>131</v>
      </c>
      <c r="F80" s="2" t="s">
        <v>510</v>
      </c>
      <c r="G80" s="22"/>
    </row>
    <row r="81" spans="1:29" ht="29" x14ac:dyDescent="0.35">
      <c r="A81" s="21"/>
      <c r="B81" s="2" t="s">
        <v>165</v>
      </c>
      <c r="C81" s="4" t="s">
        <v>166</v>
      </c>
      <c r="D81" s="2" t="s">
        <v>14</v>
      </c>
      <c r="E81" s="7">
        <v>131</v>
      </c>
      <c r="F81" s="2" t="s">
        <v>510</v>
      </c>
      <c r="G81" s="22"/>
    </row>
    <row r="82" spans="1:29" x14ac:dyDescent="0.35">
      <c r="A82" s="21"/>
      <c r="B82" s="2" t="s">
        <v>167</v>
      </c>
      <c r="C82" s="4" t="s">
        <v>168</v>
      </c>
      <c r="D82" s="2" t="s">
        <v>9</v>
      </c>
      <c r="E82" s="7">
        <v>131</v>
      </c>
      <c r="F82" s="2" t="s">
        <v>511</v>
      </c>
      <c r="G82" s="22"/>
    </row>
    <row r="83" spans="1:29" x14ac:dyDescent="0.35">
      <c r="A83" s="21"/>
      <c r="B83" s="2" t="s">
        <v>169</v>
      </c>
      <c r="C83" s="4" t="s">
        <v>170</v>
      </c>
      <c r="D83" s="2" t="s">
        <v>9</v>
      </c>
      <c r="E83" s="7">
        <v>131</v>
      </c>
      <c r="F83" s="2" t="s">
        <v>44</v>
      </c>
      <c r="G83" s="22"/>
    </row>
    <row r="84" spans="1:29" s="17" customFormat="1" x14ac:dyDescent="0.35">
      <c r="A84" s="16" t="s">
        <v>171</v>
      </c>
      <c r="B84" s="17" t="s">
        <v>172</v>
      </c>
      <c r="C84" s="18"/>
      <c r="E84" s="19"/>
      <c r="G84" s="20"/>
      <c r="H84" s="2"/>
      <c r="I84" s="2"/>
      <c r="J84" s="2"/>
      <c r="K84" s="2"/>
      <c r="L84" s="2"/>
      <c r="M84" s="2"/>
      <c r="N84" s="2"/>
      <c r="O84" s="2"/>
      <c r="P84" s="2"/>
      <c r="Q84" s="2"/>
      <c r="R84" s="2"/>
      <c r="S84" s="2"/>
      <c r="T84" s="2"/>
      <c r="U84" s="2"/>
      <c r="V84" s="2"/>
      <c r="W84" s="2"/>
      <c r="X84" s="2"/>
      <c r="Y84" s="2"/>
      <c r="Z84" s="2"/>
      <c r="AA84" s="2"/>
      <c r="AB84" s="2"/>
      <c r="AC84" s="2"/>
    </row>
    <row r="85" spans="1:29" x14ac:dyDescent="0.35">
      <c r="A85" s="21"/>
      <c r="B85" s="2" t="s">
        <v>173</v>
      </c>
      <c r="C85" s="4" t="s">
        <v>174</v>
      </c>
      <c r="D85" s="2" t="s">
        <v>14</v>
      </c>
      <c r="E85" s="7">
        <v>107</v>
      </c>
      <c r="F85" s="2" t="s">
        <v>175</v>
      </c>
      <c r="G85" s="22"/>
    </row>
    <row r="86" spans="1:29" x14ac:dyDescent="0.35">
      <c r="A86" s="21"/>
      <c r="B86" s="2" t="s">
        <v>176</v>
      </c>
      <c r="C86" s="4" t="s">
        <v>177</v>
      </c>
      <c r="D86" s="2" t="s">
        <v>9</v>
      </c>
      <c r="E86" s="7">
        <v>117</v>
      </c>
      <c r="F86" s="2" t="s">
        <v>175</v>
      </c>
      <c r="G86" s="22"/>
    </row>
    <row r="87" spans="1:29" x14ac:dyDescent="0.35">
      <c r="A87" s="21"/>
      <c r="B87" s="2" t="s">
        <v>178</v>
      </c>
      <c r="C87" s="4" t="s">
        <v>179</v>
      </c>
      <c r="D87" s="2" t="s">
        <v>9</v>
      </c>
      <c r="E87" s="7">
        <v>131</v>
      </c>
      <c r="F87" s="2" t="s">
        <v>175</v>
      </c>
      <c r="G87" s="22"/>
    </row>
    <row r="88" spans="1:29" s="12" customFormat="1" x14ac:dyDescent="0.35">
      <c r="A88" s="11" t="s">
        <v>180</v>
      </c>
      <c r="B88" s="12" t="s">
        <v>181</v>
      </c>
      <c r="C88" s="13"/>
      <c r="E88" s="14"/>
      <c r="G88" s="15"/>
      <c r="H88" s="2"/>
      <c r="I88" s="2"/>
      <c r="J88" s="2"/>
      <c r="K88" s="2"/>
      <c r="L88" s="2"/>
      <c r="M88" s="2"/>
      <c r="N88" s="2"/>
      <c r="O88" s="2"/>
      <c r="P88" s="2"/>
      <c r="Q88" s="2"/>
      <c r="R88" s="2"/>
      <c r="S88" s="2"/>
      <c r="T88" s="2"/>
      <c r="U88" s="2"/>
      <c r="V88" s="2"/>
      <c r="W88" s="2"/>
      <c r="X88" s="2"/>
      <c r="Y88" s="2"/>
      <c r="Z88" s="2"/>
      <c r="AA88" s="2"/>
      <c r="AB88" s="2"/>
      <c r="AC88" s="2"/>
    </row>
    <row r="89" spans="1:29" s="17" customFormat="1" x14ac:dyDescent="0.35">
      <c r="A89" s="16" t="s">
        <v>182</v>
      </c>
      <c r="B89" s="17" t="s">
        <v>183</v>
      </c>
      <c r="C89" s="18"/>
      <c r="E89" s="19"/>
      <c r="G89" s="20"/>
      <c r="H89" s="2"/>
      <c r="I89" s="2"/>
      <c r="J89" s="2"/>
      <c r="K89" s="2"/>
      <c r="L89" s="2"/>
      <c r="M89" s="2"/>
      <c r="N89" s="2"/>
      <c r="O89" s="2"/>
      <c r="P89" s="2"/>
      <c r="Q89" s="2"/>
      <c r="R89" s="2"/>
      <c r="S89" s="2"/>
      <c r="T89" s="2"/>
      <c r="U89" s="2"/>
      <c r="V89" s="2"/>
      <c r="W89" s="2"/>
      <c r="X89" s="2"/>
      <c r="Y89" s="2"/>
      <c r="Z89" s="2"/>
      <c r="AA89" s="2"/>
      <c r="AB89" s="2"/>
      <c r="AC89" s="2"/>
    </row>
    <row r="90" spans="1:29" x14ac:dyDescent="0.35">
      <c r="A90" s="21" t="s">
        <v>184</v>
      </c>
      <c r="B90" s="2" t="s">
        <v>185</v>
      </c>
      <c r="C90" s="4" t="s">
        <v>186</v>
      </c>
      <c r="D90" s="2" t="s">
        <v>9</v>
      </c>
      <c r="E90" s="7">
        <v>117</v>
      </c>
      <c r="F90" s="2" t="s">
        <v>187</v>
      </c>
      <c r="G90" s="22" t="s">
        <v>188</v>
      </c>
    </row>
    <row r="91" spans="1:29" x14ac:dyDescent="0.35">
      <c r="A91" s="21"/>
      <c r="B91" s="2" t="s">
        <v>189</v>
      </c>
      <c r="C91" s="4" t="s">
        <v>190</v>
      </c>
      <c r="D91" s="2" t="s">
        <v>14</v>
      </c>
      <c r="E91" s="7">
        <v>117</v>
      </c>
      <c r="F91" s="2" t="s">
        <v>187</v>
      </c>
      <c r="G91" s="22" t="s">
        <v>188</v>
      </c>
    </row>
    <row r="92" spans="1:29" x14ac:dyDescent="0.35">
      <c r="A92" s="21"/>
      <c r="B92" s="2" t="s">
        <v>191</v>
      </c>
      <c r="C92" s="4" t="s">
        <v>192</v>
      </c>
      <c r="D92" s="2" t="s">
        <v>9</v>
      </c>
      <c r="E92" s="7">
        <v>117</v>
      </c>
      <c r="F92" s="2" t="s">
        <v>187</v>
      </c>
      <c r="G92" s="22" t="s">
        <v>188</v>
      </c>
    </row>
    <row r="93" spans="1:29" x14ac:dyDescent="0.35">
      <c r="A93" s="21"/>
      <c r="B93" s="2" t="s">
        <v>193</v>
      </c>
      <c r="C93" s="4" t="s">
        <v>194</v>
      </c>
      <c r="D93" s="2" t="s">
        <v>9</v>
      </c>
      <c r="E93" s="7">
        <v>117</v>
      </c>
      <c r="F93" s="2" t="s">
        <v>104</v>
      </c>
      <c r="G93" s="22"/>
    </row>
    <row r="94" spans="1:29" x14ac:dyDescent="0.35">
      <c r="A94" s="21"/>
      <c r="B94" s="2" t="s">
        <v>195</v>
      </c>
      <c r="C94" s="24" t="s">
        <v>196</v>
      </c>
      <c r="D94" s="2" t="s">
        <v>9</v>
      </c>
      <c r="E94" s="7">
        <v>131</v>
      </c>
      <c r="F94" s="2" t="s">
        <v>187</v>
      </c>
      <c r="G94" s="22" t="s">
        <v>188</v>
      </c>
    </row>
    <row r="95" spans="1:29" x14ac:dyDescent="0.35">
      <c r="A95" s="21"/>
      <c r="B95" s="2" t="s">
        <v>197</v>
      </c>
      <c r="C95" s="4" t="s">
        <v>198</v>
      </c>
      <c r="D95" s="2" t="s">
        <v>9</v>
      </c>
      <c r="E95" s="7">
        <v>107</v>
      </c>
      <c r="F95" s="2" t="s">
        <v>187</v>
      </c>
      <c r="G95" s="22" t="s">
        <v>188</v>
      </c>
    </row>
    <row r="96" spans="1:29" ht="29" x14ac:dyDescent="0.35">
      <c r="A96" s="21"/>
      <c r="B96" s="2" t="s">
        <v>199</v>
      </c>
      <c r="C96" s="4" t="s">
        <v>200</v>
      </c>
      <c r="D96" s="2" t="s">
        <v>9</v>
      </c>
      <c r="E96" s="7">
        <v>131</v>
      </c>
      <c r="F96" s="23" t="s">
        <v>92</v>
      </c>
      <c r="G96" s="22" t="s">
        <v>188</v>
      </c>
    </row>
    <row r="97" spans="1:7" x14ac:dyDescent="0.35">
      <c r="A97" s="21"/>
      <c r="B97" s="2" t="s">
        <v>483</v>
      </c>
      <c r="C97" s="4" t="s">
        <v>484</v>
      </c>
      <c r="D97" s="2" t="s">
        <v>14</v>
      </c>
      <c r="E97" s="7">
        <v>117</v>
      </c>
      <c r="F97" s="2" t="s">
        <v>187</v>
      </c>
      <c r="G97" s="22"/>
    </row>
    <row r="98" spans="1:7" x14ac:dyDescent="0.35">
      <c r="A98" s="21" t="s">
        <v>201</v>
      </c>
      <c r="B98" s="2" t="s">
        <v>202</v>
      </c>
      <c r="C98" s="4" t="s">
        <v>203</v>
      </c>
      <c r="D98" s="2" t="s">
        <v>14</v>
      </c>
      <c r="E98" s="7">
        <v>107</v>
      </c>
      <c r="F98" s="2" t="s">
        <v>187</v>
      </c>
      <c r="G98" s="22" t="s">
        <v>188</v>
      </c>
    </row>
    <row r="99" spans="1:7" x14ac:dyDescent="0.35">
      <c r="A99" s="21"/>
      <c r="B99" s="2" t="s">
        <v>204</v>
      </c>
      <c r="C99" s="4" t="s">
        <v>205</v>
      </c>
      <c r="D99" s="2" t="s">
        <v>14</v>
      </c>
      <c r="E99" s="7">
        <v>107</v>
      </c>
      <c r="F99" s="2" t="s">
        <v>187</v>
      </c>
      <c r="G99" s="22" t="s">
        <v>188</v>
      </c>
    </row>
    <row r="100" spans="1:7" x14ac:dyDescent="0.35">
      <c r="A100" s="21"/>
      <c r="B100" s="2" t="s">
        <v>206</v>
      </c>
      <c r="C100" s="4" t="s">
        <v>207</v>
      </c>
      <c r="D100" s="2" t="s">
        <v>14</v>
      </c>
      <c r="E100" s="7">
        <v>107</v>
      </c>
      <c r="F100" s="2" t="s">
        <v>187</v>
      </c>
      <c r="G100" s="22" t="s">
        <v>188</v>
      </c>
    </row>
    <row r="101" spans="1:7" x14ac:dyDescent="0.35">
      <c r="A101" s="21"/>
      <c r="B101" s="2" t="s">
        <v>208</v>
      </c>
      <c r="C101" s="4" t="s">
        <v>209</v>
      </c>
      <c r="D101" s="2" t="s">
        <v>14</v>
      </c>
      <c r="E101" s="7">
        <v>107</v>
      </c>
      <c r="F101" s="2" t="s">
        <v>104</v>
      </c>
      <c r="G101" s="22"/>
    </row>
    <row r="102" spans="1:7" x14ac:dyDescent="0.35">
      <c r="A102" s="21"/>
      <c r="B102" s="2" t="s">
        <v>210</v>
      </c>
      <c r="C102" s="4" t="s">
        <v>211</v>
      </c>
      <c r="D102" s="2" t="s">
        <v>14</v>
      </c>
      <c r="E102" s="7">
        <v>117</v>
      </c>
      <c r="F102" s="2" t="s">
        <v>187</v>
      </c>
      <c r="G102" s="22" t="s">
        <v>188</v>
      </c>
    </row>
    <row r="103" spans="1:7" x14ac:dyDescent="0.35">
      <c r="A103" s="21"/>
      <c r="B103" s="2" t="s">
        <v>212</v>
      </c>
      <c r="C103" s="4" t="s">
        <v>213</v>
      </c>
      <c r="D103" s="2" t="s">
        <v>9</v>
      </c>
      <c r="E103" s="7">
        <v>107</v>
      </c>
      <c r="F103" s="2" t="s">
        <v>187</v>
      </c>
      <c r="G103" s="22" t="s">
        <v>188</v>
      </c>
    </row>
    <row r="104" spans="1:7" x14ac:dyDescent="0.35">
      <c r="A104" s="21"/>
      <c r="B104" s="2" t="s">
        <v>214</v>
      </c>
      <c r="C104" s="4" t="s">
        <v>215</v>
      </c>
      <c r="D104" s="2" t="s">
        <v>14</v>
      </c>
      <c r="E104" s="7">
        <v>107</v>
      </c>
      <c r="F104" s="2" t="s">
        <v>187</v>
      </c>
      <c r="G104" s="22" t="s">
        <v>188</v>
      </c>
    </row>
    <row r="105" spans="1:7" x14ac:dyDescent="0.35">
      <c r="A105" s="21"/>
      <c r="B105" s="2" t="s">
        <v>216</v>
      </c>
      <c r="C105" s="4" t="s">
        <v>217</v>
      </c>
      <c r="D105" s="2" t="s">
        <v>9</v>
      </c>
      <c r="E105" s="7">
        <v>107</v>
      </c>
      <c r="F105" s="2" t="s">
        <v>104</v>
      </c>
      <c r="G105" s="22"/>
    </row>
    <row r="106" spans="1:7" x14ac:dyDescent="0.35">
      <c r="A106" s="21"/>
      <c r="B106" s="2" t="s">
        <v>218</v>
      </c>
      <c r="C106" s="4" t="s">
        <v>219</v>
      </c>
      <c r="D106" s="2" t="s">
        <v>14</v>
      </c>
      <c r="E106" s="7">
        <v>107</v>
      </c>
      <c r="F106" s="2" t="s">
        <v>187</v>
      </c>
      <c r="G106" s="22" t="s">
        <v>188</v>
      </c>
    </row>
    <row r="107" spans="1:7" x14ac:dyDescent="0.35">
      <c r="A107" s="21" t="s">
        <v>220</v>
      </c>
      <c r="B107" s="2" t="s">
        <v>221</v>
      </c>
      <c r="C107" s="4" t="s">
        <v>222</v>
      </c>
      <c r="D107" s="2" t="s">
        <v>9</v>
      </c>
      <c r="E107" s="7">
        <v>117</v>
      </c>
      <c r="F107" s="2" t="s">
        <v>507</v>
      </c>
      <c r="G107" s="22" t="s">
        <v>223</v>
      </c>
    </row>
    <row r="108" spans="1:7" x14ac:dyDescent="0.35">
      <c r="A108" s="21"/>
      <c r="B108" s="2" t="s">
        <v>224</v>
      </c>
      <c r="C108" s="4" t="s">
        <v>225</v>
      </c>
      <c r="D108" s="2" t="s">
        <v>9</v>
      </c>
      <c r="E108" s="7">
        <v>117</v>
      </c>
      <c r="F108" s="2" t="s">
        <v>507</v>
      </c>
      <c r="G108" s="22" t="s">
        <v>226</v>
      </c>
    </row>
    <row r="109" spans="1:7" x14ac:dyDescent="0.35">
      <c r="A109" s="21"/>
      <c r="B109" s="2" t="s">
        <v>227</v>
      </c>
      <c r="C109" s="4" t="s">
        <v>228</v>
      </c>
      <c r="D109" s="2" t="s">
        <v>9</v>
      </c>
      <c r="E109" s="7">
        <v>117</v>
      </c>
      <c r="F109" s="2" t="s">
        <v>507</v>
      </c>
      <c r="G109" s="22" t="s">
        <v>188</v>
      </c>
    </row>
    <row r="110" spans="1:7" x14ac:dyDescent="0.35">
      <c r="A110" s="21"/>
      <c r="B110" s="2" t="s">
        <v>229</v>
      </c>
      <c r="C110" s="4" t="s">
        <v>230</v>
      </c>
      <c r="D110" s="2" t="s">
        <v>14</v>
      </c>
      <c r="E110" s="7">
        <v>117</v>
      </c>
      <c r="F110" s="2" t="s">
        <v>187</v>
      </c>
      <c r="G110" s="22" t="s">
        <v>188</v>
      </c>
    </row>
    <row r="111" spans="1:7" ht="29" x14ac:dyDescent="0.35">
      <c r="A111" s="21"/>
      <c r="B111" s="2" t="s">
        <v>231</v>
      </c>
      <c r="C111" s="4" t="s">
        <v>232</v>
      </c>
      <c r="D111" s="2" t="s">
        <v>9</v>
      </c>
      <c r="E111" s="7">
        <v>117</v>
      </c>
      <c r="F111" s="2" t="s">
        <v>507</v>
      </c>
      <c r="G111" s="22" t="s">
        <v>188</v>
      </c>
    </row>
    <row r="112" spans="1:7" ht="29" x14ac:dyDescent="0.35">
      <c r="A112" s="21"/>
      <c r="B112" s="2" t="s">
        <v>233</v>
      </c>
      <c r="C112" s="4" t="s">
        <v>234</v>
      </c>
      <c r="D112" s="2" t="s">
        <v>9</v>
      </c>
      <c r="E112" s="7">
        <v>117</v>
      </c>
      <c r="F112" s="2" t="s">
        <v>507</v>
      </c>
      <c r="G112" s="22" t="s">
        <v>188</v>
      </c>
    </row>
    <row r="113" spans="1:29" x14ac:dyDescent="0.35">
      <c r="A113" s="21"/>
      <c r="B113" s="2" t="s">
        <v>235</v>
      </c>
      <c r="C113" s="4" t="s">
        <v>236</v>
      </c>
      <c r="D113" s="2" t="s">
        <v>9</v>
      </c>
      <c r="E113" s="7">
        <v>117</v>
      </c>
      <c r="F113" s="2" t="s">
        <v>507</v>
      </c>
      <c r="G113" s="22" t="s">
        <v>188</v>
      </c>
    </row>
    <row r="114" spans="1:29" ht="29" x14ac:dyDescent="0.35">
      <c r="A114" s="21"/>
      <c r="B114" s="2" t="s">
        <v>237</v>
      </c>
      <c r="C114" s="4" t="s">
        <v>238</v>
      </c>
      <c r="D114" s="2" t="s">
        <v>9</v>
      </c>
      <c r="E114" s="7">
        <v>117</v>
      </c>
      <c r="F114" s="2" t="s">
        <v>507</v>
      </c>
      <c r="G114" s="22" t="s">
        <v>188</v>
      </c>
    </row>
    <row r="115" spans="1:29" x14ac:dyDescent="0.35">
      <c r="A115" s="21"/>
      <c r="B115" s="2" t="s">
        <v>239</v>
      </c>
      <c r="C115" s="4" t="s">
        <v>240</v>
      </c>
      <c r="D115" s="2" t="s">
        <v>9</v>
      </c>
      <c r="E115" s="7">
        <v>117</v>
      </c>
      <c r="F115" s="2" t="s">
        <v>507</v>
      </c>
      <c r="G115" s="22" t="s">
        <v>188</v>
      </c>
    </row>
    <row r="116" spans="1:29" x14ac:dyDescent="0.35">
      <c r="A116" s="21"/>
      <c r="B116" s="2" t="s">
        <v>241</v>
      </c>
      <c r="C116" s="4" t="s">
        <v>242</v>
      </c>
      <c r="D116" s="2" t="s">
        <v>14</v>
      </c>
      <c r="E116" s="7">
        <v>117</v>
      </c>
      <c r="F116" s="2" t="s">
        <v>187</v>
      </c>
      <c r="G116" s="22" t="s">
        <v>188</v>
      </c>
    </row>
    <row r="117" spans="1:29" x14ac:dyDescent="0.35">
      <c r="A117" s="21"/>
      <c r="B117" s="2" t="s">
        <v>243</v>
      </c>
      <c r="C117" s="4" t="s">
        <v>244</v>
      </c>
      <c r="D117" s="2" t="s">
        <v>9</v>
      </c>
      <c r="E117" s="7">
        <v>117</v>
      </c>
      <c r="F117" s="2" t="s">
        <v>187</v>
      </c>
      <c r="G117" s="22" t="s">
        <v>188</v>
      </c>
    </row>
    <row r="118" spans="1:29" x14ac:dyDescent="0.35">
      <c r="A118" s="21"/>
      <c r="B118" s="2" t="s">
        <v>245</v>
      </c>
      <c r="C118" s="4" t="s">
        <v>246</v>
      </c>
      <c r="D118" s="2" t="s">
        <v>9</v>
      </c>
      <c r="E118" s="7">
        <v>117</v>
      </c>
      <c r="F118" s="2" t="s">
        <v>507</v>
      </c>
      <c r="G118" s="22" t="s">
        <v>188</v>
      </c>
    </row>
    <row r="119" spans="1:29" x14ac:dyDescent="0.35">
      <c r="A119" s="21"/>
      <c r="B119" s="2" t="s">
        <v>247</v>
      </c>
      <c r="C119" s="4" t="s">
        <v>248</v>
      </c>
      <c r="D119" s="2" t="s">
        <v>14</v>
      </c>
      <c r="E119" s="7">
        <v>117</v>
      </c>
      <c r="F119" s="2" t="s">
        <v>507</v>
      </c>
      <c r="G119" s="22" t="s">
        <v>188</v>
      </c>
    </row>
    <row r="120" spans="1:29" x14ac:dyDescent="0.35">
      <c r="A120" s="21"/>
      <c r="B120" s="2" t="s">
        <v>249</v>
      </c>
      <c r="C120" s="4" t="s">
        <v>250</v>
      </c>
      <c r="D120" s="2" t="s">
        <v>14</v>
      </c>
      <c r="E120" s="7">
        <v>107</v>
      </c>
      <c r="F120" s="2" t="s">
        <v>187</v>
      </c>
      <c r="G120" s="22" t="s">
        <v>188</v>
      </c>
    </row>
    <row r="121" spans="1:29" x14ac:dyDescent="0.35">
      <c r="A121" s="21"/>
      <c r="B121" s="2" t="s">
        <v>251</v>
      </c>
      <c r="C121" s="4" t="s">
        <v>252</v>
      </c>
      <c r="D121" s="2" t="s">
        <v>14</v>
      </c>
      <c r="E121" s="7">
        <v>107</v>
      </c>
      <c r="F121" s="2" t="s">
        <v>187</v>
      </c>
      <c r="G121" s="22" t="s">
        <v>188</v>
      </c>
    </row>
    <row r="122" spans="1:29" x14ac:dyDescent="0.35">
      <c r="A122" s="21"/>
      <c r="B122" s="2" t="s">
        <v>253</v>
      </c>
      <c r="C122" s="4" t="s">
        <v>254</v>
      </c>
      <c r="D122" s="2" t="s">
        <v>14</v>
      </c>
      <c r="E122" s="7">
        <v>107</v>
      </c>
      <c r="F122" s="2" t="s">
        <v>187</v>
      </c>
      <c r="G122" s="22" t="s">
        <v>188</v>
      </c>
    </row>
    <row r="123" spans="1:29" x14ac:dyDescent="0.35">
      <c r="A123" s="21"/>
      <c r="B123" s="2" t="s">
        <v>255</v>
      </c>
      <c r="C123" s="4" t="s">
        <v>256</v>
      </c>
      <c r="D123" s="2" t="s">
        <v>14</v>
      </c>
      <c r="E123" s="7">
        <v>117</v>
      </c>
      <c r="F123" s="2" t="s">
        <v>104</v>
      </c>
      <c r="G123" s="22"/>
    </row>
    <row r="124" spans="1:29" x14ac:dyDescent="0.35">
      <c r="A124" s="21"/>
      <c r="B124" s="2" t="s">
        <v>257</v>
      </c>
      <c r="C124" s="4" t="s">
        <v>61</v>
      </c>
      <c r="D124" s="2" t="s">
        <v>14</v>
      </c>
      <c r="E124" s="7">
        <v>107</v>
      </c>
      <c r="F124" s="2" t="s">
        <v>187</v>
      </c>
      <c r="G124" s="22" t="s">
        <v>188</v>
      </c>
    </row>
    <row r="125" spans="1:29" x14ac:dyDescent="0.35">
      <c r="A125" s="21" t="s">
        <v>73</v>
      </c>
      <c r="B125" s="2" t="s">
        <v>258</v>
      </c>
      <c r="C125" s="4" t="s">
        <v>259</v>
      </c>
      <c r="D125" s="2" t="s">
        <v>9</v>
      </c>
      <c r="E125" s="7">
        <v>117</v>
      </c>
      <c r="F125" s="2" t="s">
        <v>507</v>
      </c>
      <c r="G125" s="22" t="s">
        <v>188</v>
      </c>
    </row>
    <row r="126" spans="1:29" x14ac:dyDescent="0.35">
      <c r="A126" s="21" t="s">
        <v>89</v>
      </c>
      <c r="B126" s="2" t="s">
        <v>260</v>
      </c>
      <c r="C126" s="4" t="s">
        <v>261</v>
      </c>
      <c r="D126" s="2" t="s">
        <v>9</v>
      </c>
      <c r="E126" s="7">
        <v>94</v>
      </c>
      <c r="F126" s="23" t="s">
        <v>92</v>
      </c>
      <c r="G126" s="22"/>
    </row>
    <row r="127" spans="1:29" s="17" customFormat="1" x14ac:dyDescent="0.35">
      <c r="A127" s="16" t="s">
        <v>262</v>
      </c>
      <c r="B127" s="17" t="s">
        <v>263</v>
      </c>
      <c r="C127" s="18"/>
      <c r="E127" s="19"/>
      <c r="G127" s="20"/>
      <c r="H127" s="2"/>
      <c r="I127" s="2"/>
      <c r="J127" s="2"/>
      <c r="K127" s="2"/>
      <c r="L127" s="2"/>
      <c r="M127" s="2"/>
      <c r="N127" s="2"/>
      <c r="O127" s="2"/>
      <c r="P127" s="2"/>
      <c r="Q127" s="2"/>
      <c r="R127" s="2"/>
      <c r="S127" s="2"/>
      <c r="T127" s="2"/>
      <c r="U127" s="2"/>
      <c r="V127" s="2"/>
      <c r="W127" s="2"/>
      <c r="X127" s="2"/>
      <c r="Y127" s="2"/>
      <c r="Z127" s="2"/>
      <c r="AA127" s="2"/>
      <c r="AB127" s="2"/>
      <c r="AC127" s="2"/>
    </row>
    <row r="128" spans="1:29" x14ac:dyDescent="0.35">
      <c r="A128" s="21" t="s">
        <v>264</v>
      </c>
      <c r="B128" s="2" t="s">
        <v>265</v>
      </c>
      <c r="C128" s="4" t="s">
        <v>266</v>
      </c>
      <c r="D128" s="2" t="s">
        <v>9</v>
      </c>
      <c r="E128" s="7">
        <v>117</v>
      </c>
      <c r="F128" s="2" t="s">
        <v>267</v>
      </c>
      <c r="G128" s="22"/>
    </row>
    <row r="129" spans="1:29" x14ac:dyDescent="0.35">
      <c r="A129" s="21"/>
      <c r="B129" s="2" t="s">
        <v>268</v>
      </c>
      <c r="C129" s="4" t="s">
        <v>501</v>
      </c>
      <c r="D129" s="2" t="s">
        <v>9</v>
      </c>
      <c r="E129" s="7">
        <v>117</v>
      </c>
      <c r="F129" s="2" t="s">
        <v>267</v>
      </c>
      <c r="G129" s="22"/>
    </row>
    <row r="130" spans="1:29" x14ac:dyDescent="0.35">
      <c r="A130" s="21"/>
      <c r="B130" s="2" t="s">
        <v>487</v>
      </c>
      <c r="C130" s="4" t="s">
        <v>488</v>
      </c>
      <c r="D130" s="2" t="s">
        <v>14</v>
      </c>
      <c r="E130" s="7">
        <v>117</v>
      </c>
      <c r="F130" s="2" t="s">
        <v>267</v>
      </c>
      <c r="G130" s="22"/>
    </row>
    <row r="131" spans="1:29" s="17" customFormat="1" x14ac:dyDescent="0.35">
      <c r="A131" s="16" t="s">
        <v>269</v>
      </c>
      <c r="B131" s="17" t="s">
        <v>270</v>
      </c>
      <c r="C131" s="18"/>
      <c r="E131" s="19"/>
      <c r="G131" s="20"/>
      <c r="H131" s="2"/>
      <c r="I131" s="2"/>
      <c r="J131" s="2"/>
      <c r="K131" s="2"/>
      <c r="L131" s="2"/>
      <c r="M131" s="2"/>
      <c r="N131" s="2"/>
      <c r="O131" s="2"/>
      <c r="P131" s="2"/>
      <c r="Q131" s="2"/>
      <c r="R131" s="2"/>
      <c r="S131" s="2"/>
      <c r="T131" s="2"/>
      <c r="U131" s="2"/>
      <c r="V131" s="2"/>
      <c r="W131" s="2"/>
      <c r="X131" s="2"/>
      <c r="Y131" s="2"/>
      <c r="Z131" s="2"/>
      <c r="AA131" s="2"/>
      <c r="AB131" s="2"/>
      <c r="AC131" s="2"/>
    </row>
    <row r="132" spans="1:29" ht="29" x14ac:dyDescent="0.35">
      <c r="A132" s="21" t="s">
        <v>271</v>
      </c>
      <c r="B132" s="2" t="s">
        <v>272</v>
      </c>
      <c r="C132" s="4" t="s">
        <v>273</v>
      </c>
      <c r="D132" s="2" t="s">
        <v>14</v>
      </c>
      <c r="E132" s="7">
        <v>117</v>
      </c>
      <c r="F132" s="2" t="s">
        <v>274</v>
      </c>
      <c r="G132" s="22" t="s">
        <v>275</v>
      </c>
    </row>
    <row r="133" spans="1:29" x14ac:dyDescent="0.35">
      <c r="A133" s="21"/>
      <c r="B133" s="2" t="s">
        <v>276</v>
      </c>
      <c r="C133" s="4" t="s">
        <v>277</v>
      </c>
      <c r="D133" s="2" t="s">
        <v>9</v>
      </c>
      <c r="E133" s="7">
        <v>117</v>
      </c>
      <c r="F133" s="2" t="s">
        <v>274</v>
      </c>
      <c r="G133" s="22" t="s">
        <v>278</v>
      </c>
    </row>
    <row r="134" spans="1:29" ht="29" x14ac:dyDescent="0.35">
      <c r="A134" s="21"/>
      <c r="B134" s="2" t="s">
        <v>279</v>
      </c>
      <c r="C134" s="4" t="s">
        <v>280</v>
      </c>
      <c r="D134" s="2" t="s">
        <v>14</v>
      </c>
      <c r="E134" s="7">
        <v>131</v>
      </c>
      <c r="F134" s="2" t="s">
        <v>512</v>
      </c>
      <c r="G134" s="22" t="s">
        <v>281</v>
      </c>
    </row>
    <row r="135" spans="1:29" x14ac:dyDescent="0.35">
      <c r="A135" s="21"/>
      <c r="B135" s="2" t="s">
        <v>282</v>
      </c>
      <c r="C135" s="4" t="s">
        <v>283</v>
      </c>
      <c r="D135" s="2" t="s">
        <v>9</v>
      </c>
      <c r="E135" s="7">
        <v>131</v>
      </c>
      <c r="F135" s="2" t="s">
        <v>512</v>
      </c>
      <c r="G135" s="22" t="s">
        <v>278</v>
      </c>
    </row>
    <row r="136" spans="1:29" x14ac:dyDescent="0.35">
      <c r="A136" s="21"/>
      <c r="B136" s="2" t="s">
        <v>284</v>
      </c>
      <c r="C136" s="4" t="s">
        <v>285</v>
      </c>
      <c r="D136" s="2" t="s">
        <v>14</v>
      </c>
      <c r="E136" s="7">
        <v>117</v>
      </c>
      <c r="F136" s="2" t="s">
        <v>507</v>
      </c>
      <c r="G136" s="22" t="s">
        <v>281</v>
      </c>
    </row>
    <row r="137" spans="1:29" x14ac:dyDescent="0.35">
      <c r="A137" s="21"/>
      <c r="B137" s="2" t="s">
        <v>286</v>
      </c>
      <c r="C137" s="4" t="s">
        <v>287</v>
      </c>
      <c r="D137" s="2" t="s">
        <v>9</v>
      </c>
      <c r="E137" s="7">
        <v>117</v>
      </c>
      <c r="F137" s="2" t="s">
        <v>507</v>
      </c>
      <c r="G137" s="22" t="s">
        <v>288</v>
      </c>
    </row>
    <row r="138" spans="1:29" ht="29" x14ac:dyDescent="0.35">
      <c r="A138" s="21"/>
      <c r="B138" s="2" t="s">
        <v>289</v>
      </c>
      <c r="C138" s="4" t="s">
        <v>290</v>
      </c>
      <c r="D138" s="2" t="s">
        <v>14</v>
      </c>
      <c r="E138" s="7">
        <v>131</v>
      </c>
      <c r="F138" s="2" t="s">
        <v>513</v>
      </c>
      <c r="G138" s="22" t="s">
        <v>281</v>
      </c>
    </row>
    <row r="139" spans="1:29" x14ac:dyDescent="0.35">
      <c r="A139" s="21"/>
      <c r="B139" s="2" t="s">
        <v>291</v>
      </c>
      <c r="C139" s="4" t="s">
        <v>292</v>
      </c>
      <c r="D139" s="2" t="s">
        <v>9</v>
      </c>
      <c r="E139" s="7">
        <v>131</v>
      </c>
      <c r="F139" s="2" t="s">
        <v>513</v>
      </c>
      <c r="G139" s="22" t="s">
        <v>288</v>
      </c>
    </row>
    <row r="140" spans="1:29" ht="29" x14ac:dyDescent="0.35">
      <c r="A140" s="21"/>
      <c r="B140" s="2" t="s">
        <v>293</v>
      </c>
      <c r="C140" s="4" t="s">
        <v>294</v>
      </c>
      <c r="D140" s="2" t="s">
        <v>14</v>
      </c>
      <c r="E140" s="7">
        <v>131</v>
      </c>
      <c r="F140" s="2" t="s">
        <v>514</v>
      </c>
      <c r="G140" s="22" t="s">
        <v>281</v>
      </c>
    </row>
    <row r="141" spans="1:29" x14ac:dyDescent="0.35">
      <c r="A141" s="21"/>
      <c r="B141" s="2" t="s">
        <v>295</v>
      </c>
      <c r="C141" s="4" t="s">
        <v>296</v>
      </c>
      <c r="D141" s="2" t="s">
        <v>9</v>
      </c>
      <c r="E141" s="7">
        <v>131</v>
      </c>
      <c r="F141" s="2" t="s">
        <v>514</v>
      </c>
      <c r="G141" s="22" t="s">
        <v>288</v>
      </c>
    </row>
    <row r="142" spans="1:29" x14ac:dyDescent="0.35">
      <c r="A142" s="21"/>
      <c r="B142" s="2" t="s">
        <v>297</v>
      </c>
      <c r="C142" s="4" t="s">
        <v>298</v>
      </c>
      <c r="D142" s="2" t="s">
        <v>9</v>
      </c>
      <c r="E142" s="7">
        <v>131</v>
      </c>
      <c r="F142" s="2" t="s">
        <v>515</v>
      </c>
      <c r="G142" s="22"/>
    </row>
    <row r="143" spans="1:29" x14ac:dyDescent="0.35">
      <c r="A143" s="21"/>
      <c r="B143" s="2" t="s">
        <v>299</v>
      </c>
      <c r="C143" s="4" t="s">
        <v>300</v>
      </c>
      <c r="D143" s="2" t="s">
        <v>9</v>
      </c>
      <c r="E143" s="7">
        <v>131</v>
      </c>
      <c r="F143" s="2" t="s">
        <v>515</v>
      </c>
      <c r="G143" s="22"/>
    </row>
    <row r="144" spans="1:29" x14ac:dyDescent="0.35">
      <c r="A144" s="21"/>
      <c r="B144" s="2" t="s">
        <v>301</v>
      </c>
      <c r="C144" s="4" t="s">
        <v>302</v>
      </c>
      <c r="D144" s="2" t="s">
        <v>9</v>
      </c>
      <c r="E144" s="7">
        <v>131</v>
      </c>
      <c r="F144" s="2" t="s">
        <v>516</v>
      </c>
      <c r="G144" s="22" t="s">
        <v>278</v>
      </c>
    </row>
    <row r="145" spans="1:29" x14ac:dyDescent="0.35">
      <c r="A145" s="21"/>
      <c r="B145" s="2" t="s">
        <v>303</v>
      </c>
      <c r="C145" s="4" t="s">
        <v>304</v>
      </c>
      <c r="D145" s="2" t="s">
        <v>14</v>
      </c>
      <c r="E145" s="7">
        <v>131</v>
      </c>
      <c r="F145" s="2" t="s">
        <v>516</v>
      </c>
      <c r="G145" s="22" t="s">
        <v>305</v>
      </c>
    </row>
    <row r="146" spans="1:29" x14ac:dyDescent="0.35">
      <c r="A146" s="21"/>
      <c r="B146" s="2" t="s">
        <v>306</v>
      </c>
      <c r="C146" s="4" t="s">
        <v>307</v>
      </c>
      <c r="D146" s="2" t="s">
        <v>9</v>
      </c>
      <c r="E146" s="7">
        <v>131</v>
      </c>
      <c r="F146" s="2" t="s">
        <v>510</v>
      </c>
      <c r="G146" s="22" t="s">
        <v>278</v>
      </c>
    </row>
    <row r="147" spans="1:29" x14ac:dyDescent="0.35">
      <c r="A147" s="21"/>
      <c r="B147" s="2" t="s">
        <v>308</v>
      </c>
      <c r="C147" s="4" t="s">
        <v>309</v>
      </c>
      <c r="D147" s="2" t="s">
        <v>14</v>
      </c>
      <c r="E147" s="7">
        <v>131</v>
      </c>
      <c r="F147" s="2" t="s">
        <v>510</v>
      </c>
      <c r="G147" s="22" t="s">
        <v>310</v>
      </c>
    </row>
    <row r="148" spans="1:29" x14ac:dyDescent="0.35">
      <c r="A148" s="21"/>
      <c r="B148" s="2" t="s">
        <v>311</v>
      </c>
      <c r="C148" s="4" t="s">
        <v>312</v>
      </c>
      <c r="D148" s="2" t="s">
        <v>9</v>
      </c>
      <c r="E148" s="7">
        <v>131</v>
      </c>
      <c r="F148" s="2" t="s">
        <v>510</v>
      </c>
      <c r="G148" s="22" t="s">
        <v>278</v>
      </c>
    </row>
    <row r="149" spans="1:29" ht="29" x14ac:dyDescent="0.35">
      <c r="A149" s="21"/>
      <c r="B149" s="2" t="s">
        <v>313</v>
      </c>
      <c r="C149" s="4" t="s">
        <v>314</v>
      </c>
      <c r="D149" s="2" t="s">
        <v>14</v>
      </c>
      <c r="E149" s="7">
        <v>131</v>
      </c>
      <c r="F149" s="2" t="s">
        <v>510</v>
      </c>
      <c r="G149" s="22" t="s">
        <v>310</v>
      </c>
    </row>
    <row r="150" spans="1:29" x14ac:dyDescent="0.35">
      <c r="A150" s="21"/>
      <c r="B150" s="2" t="s">
        <v>315</v>
      </c>
      <c r="C150" s="4" t="s">
        <v>316</v>
      </c>
      <c r="D150" s="2" t="s">
        <v>9</v>
      </c>
      <c r="E150" s="7">
        <v>131</v>
      </c>
      <c r="F150" s="2" t="s">
        <v>511</v>
      </c>
      <c r="G150" s="22"/>
    </row>
    <row r="151" spans="1:29" x14ac:dyDescent="0.35">
      <c r="A151" s="21"/>
      <c r="B151" s="2" t="s">
        <v>317</v>
      </c>
      <c r="C151" s="4" t="s">
        <v>318</v>
      </c>
      <c r="D151" s="2" t="s">
        <v>9</v>
      </c>
      <c r="E151" s="7">
        <v>131</v>
      </c>
      <c r="F151" s="2" t="s">
        <v>44</v>
      </c>
      <c r="G151" s="22"/>
    </row>
    <row r="152" spans="1:29" s="17" customFormat="1" x14ac:dyDescent="0.35">
      <c r="A152" s="16" t="s">
        <v>171</v>
      </c>
      <c r="B152" s="17" t="s">
        <v>319</v>
      </c>
      <c r="C152" s="18"/>
      <c r="E152" s="19"/>
      <c r="G152" s="20"/>
      <c r="H152" s="2"/>
      <c r="I152" s="2"/>
      <c r="J152" s="2"/>
      <c r="K152" s="2"/>
      <c r="L152" s="2"/>
      <c r="M152" s="2"/>
      <c r="N152" s="2"/>
      <c r="O152" s="2"/>
      <c r="P152" s="2"/>
      <c r="Q152" s="2"/>
      <c r="R152" s="2"/>
      <c r="S152" s="2"/>
      <c r="T152" s="2"/>
      <c r="U152" s="2"/>
      <c r="V152" s="2"/>
      <c r="W152" s="2"/>
      <c r="X152" s="2"/>
      <c r="Y152" s="2"/>
      <c r="Z152" s="2"/>
      <c r="AA152" s="2"/>
      <c r="AB152" s="2"/>
      <c r="AC152" s="2"/>
    </row>
    <row r="153" spans="1:29" x14ac:dyDescent="0.35">
      <c r="A153" s="21"/>
      <c r="B153" s="2" t="s">
        <v>320</v>
      </c>
      <c r="C153" s="4" t="s">
        <v>489</v>
      </c>
      <c r="D153" s="2" t="s">
        <v>9</v>
      </c>
      <c r="E153" s="7">
        <v>107</v>
      </c>
      <c r="F153" s="2" t="s">
        <v>175</v>
      </c>
      <c r="G153" s="22"/>
    </row>
    <row r="154" spans="1:29" x14ac:dyDescent="0.35">
      <c r="A154" s="21"/>
      <c r="B154" s="2" t="s">
        <v>486</v>
      </c>
      <c r="C154" s="4" t="s">
        <v>490</v>
      </c>
      <c r="D154" s="2" t="s">
        <v>9</v>
      </c>
      <c r="E154" s="7">
        <v>117</v>
      </c>
      <c r="F154" s="2" t="s">
        <v>175</v>
      </c>
      <c r="G154" s="22"/>
    </row>
    <row r="155" spans="1:29" x14ac:dyDescent="0.35">
      <c r="A155" s="21"/>
      <c r="B155" s="4" t="s">
        <v>485</v>
      </c>
      <c r="C155" s="2" t="s">
        <v>321</v>
      </c>
      <c r="D155" s="2" t="s">
        <v>9</v>
      </c>
      <c r="E155" s="7">
        <v>131</v>
      </c>
      <c r="F155" s="2" t="s">
        <v>175</v>
      </c>
      <c r="G155" s="22"/>
    </row>
    <row r="156" spans="1:29" x14ac:dyDescent="0.35">
      <c r="A156" s="11" t="s">
        <v>322</v>
      </c>
      <c r="B156" s="12" t="s">
        <v>323</v>
      </c>
      <c r="C156" s="13"/>
      <c r="D156" s="12"/>
      <c r="E156" s="14"/>
      <c r="F156" s="12"/>
      <c r="G156" s="15"/>
    </row>
    <row r="157" spans="1:29" x14ac:dyDescent="0.35">
      <c r="A157" s="21" t="s">
        <v>154</v>
      </c>
      <c r="B157" s="2" t="s">
        <v>324</v>
      </c>
      <c r="C157" s="4" t="s">
        <v>325</v>
      </c>
      <c r="D157" s="2" t="s">
        <v>14</v>
      </c>
      <c r="E157" s="7">
        <v>131</v>
      </c>
      <c r="F157" s="2" t="s">
        <v>44</v>
      </c>
      <c r="G157" s="22"/>
    </row>
    <row r="158" spans="1:29" x14ac:dyDescent="0.35">
      <c r="A158" s="21"/>
      <c r="B158" s="2" t="s">
        <v>326</v>
      </c>
      <c r="C158" s="4" t="s">
        <v>327</v>
      </c>
      <c r="D158" s="2" t="s">
        <v>14</v>
      </c>
      <c r="E158" s="7">
        <v>131</v>
      </c>
      <c r="F158" s="23" t="s">
        <v>328</v>
      </c>
      <c r="G158" s="22" t="s">
        <v>329</v>
      </c>
    </row>
    <row r="159" spans="1:29" x14ac:dyDescent="0.35">
      <c r="A159" s="21" t="s">
        <v>330</v>
      </c>
      <c r="B159" s="2" t="s">
        <v>331</v>
      </c>
      <c r="C159" s="4" t="s">
        <v>332</v>
      </c>
      <c r="D159" s="2" t="s">
        <v>14</v>
      </c>
      <c r="E159" s="7">
        <v>117</v>
      </c>
      <c r="F159" s="23" t="s">
        <v>328</v>
      </c>
      <c r="G159" s="22"/>
    </row>
    <row r="160" spans="1:29" x14ac:dyDescent="0.35">
      <c r="A160" s="21"/>
      <c r="B160" s="2" t="s">
        <v>333</v>
      </c>
      <c r="C160" s="4" t="s">
        <v>334</v>
      </c>
      <c r="D160" s="2" t="s">
        <v>14</v>
      </c>
      <c r="E160" s="7">
        <v>131</v>
      </c>
      <c r="F160" s="2" t="s">
        <v>44</v>
      </c>
      <c r="G160" s="22"/>
    </row>
    <row r="161" spans="1:7" x14ac:dyDescent="0.35">
      <c r="A161" s="21"/>
      <c r="B161" s="2" t="s">
        <v>335</v>
      </c>
      <c r="C161" s="4" t="s">
        <v>336</v>
      </c>
      <c r="D161" s="2" t="s">
        <v>14</v>
      </c>
      <c r="E161" s="7">
        <v>131</v>
      </c>
      <c r="F161" s="2" t="s">
        <v>44</v>
      </c>
      <c r="G161" s="22"/>
    </row>
    <row r="162" spans="1:7" x14ac:dyDescent="0.35">
      <c r="A162" s="21"/>
      <c r="B162" s="2" t="s">
        <v>337</v>
      </c>
      <c r="C162" s="4" t="s">
        <v>338</v>
      </c>
      <c r="D162" s="2" t="s">
        <v>14</v>
      </c>
      <c r="E162" s="7">
        <v>117</v>
      </c>
      <c r="F162" s="2" t="s">
        <v>44</v>
      </c>
      <c r="G162" s="22"/>
    </row>
    <row r="163" spans="1:7" x14ac:dyDescent="0.35">
      <c r="A163" s="21"/>
      <c r="B163" s="2" t="s">
        <v>339</v>
      </c>
      <c r="C163" s="4" t="s">
        <v>340</v>
      </c>
      <c r="D163" s="2" t="s">
        <v>14</v>
      </c>
      <c r="E163" s="7">
        <v>117</v>
      </c>
      <c r="F163" s="2" t="s">
        <v>44</v>
      </c>
      <c r="G163" s="22"/>
    </row>
    <row r="164" spans="1:7" x14ac:dyDescent="0.35">
      <c r="A164" s="21"/>
      <c r="B164" s="2" t="s">
        <v>341</v>
      </c>
      <c r="C164" s="4" t="s">
        <v>342</v>
      </c>
      <c r="D164" s="2" t="s">
        <v>14</v>
      </c>
      <c r="E164" s="7">
        <v>117</v>
      </c>
      <c r="F164" s="2" t="s">
        <v>44</v>
      </c>
      <c r="G164" s="22"/>
    </row>
    <row r="165" spans="1:7" x14ac:dyDescent="0.35">
      <c r="A165" s="21"/>
      <c r="B165" s="2" t="s">
        <v>343</v>
      </c>
      <c r="C165" s="4" t="s">
        <v>344</v>
      </c>
      <c r="D165" s="2" t="s">
        <v>14</v>
      </c>
      <c r="E165" s="7">
        <v>117</v>
      </c>
      <c r="F165" s="23" t="s">
        <v>328</v>
      </c>
      <c r="G165" s="22"/>
    </row>
    <row r="166" spans="1:7" x14ac:dyDescent="0.35">
      <c r="A166" s="21"/>
      <c r="B166" s="2" t="s">
        <v>345</v>
      </c>
      <c r="C166" s="4" t="s">
        <v>346</v>
      </c>
      <c r="D166" s="2" t="s">
        <v>14</v>
      </c>
      <c r="E166" s="7">
        <v>131</v>
      </c>
      <c r="F166" s="2" t="s">
        <v>44</v>
      </c>
      <c r="G166" s="22"/>
    </row>
    <row r="167" spans="1:7" x14ac:dyDescent="0.35">
      <c r="A167" s="21" t="s">
        <v>347</v>
      </c>
      <c r="B167" s="2" t="s">
        <v>348</v>
      </c>
      <c r="C167" s="4" t="s">
        <v>349</v>
      </c>
      <c r="D167" s="2" t="s">
        <v>14</v>
      </c>
      <c r="E167" s="7">
        <v>131</v>
      </c>
      <c r="F167" s="2" t="s">
        <v>44</v>
      </c>
      <c r="G167" s="22"/>
    </row>
    <row r="168" spans="1:7" x14ac:dyDescent="0.35">
      <c r="A168" s="21"/>
      <c r="B168" s="2" t="s">
        <v>350</v>
      </c>
      <c r="C168" s="4" t="s">
        <v>351</v>
      </c>
      <c r="D168" s="2" t="s">
        <v>14</v>
      </c>
      <c r="E168" s="7">
        <v>131</v>
      </c>
      <c r="F168" s="2" t="s">
        <v>44</v>
      </c>
      <c r="G168" s="22"/>
    </row>
    <row r="169" spans="1:7" ht="15" customHeight="1" x14ac:dyDescent="0.35">
      <c r="A169" s="21"/>
      <c r="B169" s="2" t="s">
        <v>352</v>
      </c>
      <c r="C169" s="4" t="s">
        <v>353</v>
      </c>
      <c r="D169" s="2" t="s">
        <v>14</v>
      </c>
      <c r="E169" s="7">
        <v>131</v>
      </c>
      <c r="F169" s="2" t="s">
        <v>44</v>
      </c>
      <c r="G169" s="22"/>
    </row>
    <row r="170" spans="1:7" ht="15" customHeight="1" x14ac:dyDescent="0.35">
      <c r="A170" s="21"/>
      <c r="B170" s="2" t="s">
        <v>354</v>
      </c>
      <c r="C170" s="4" t="s">
        <v>355</v>
      </c>
      <c r="D170" s="2" t="s">
        <v>14</v>
      </c>
      <c r="E170" s="7">
        <v>131</v>
      </c>
      <c r="F170" s="2" t="s">
        <v>44</v>
      </c>
      <c r="G170" s="22"/>
    </row>
    <row r="171" spans="1:7" x14ac:dyDescent="0.35">
      <c r="A171" s="21" t="s">
        <v>356</v>
      </c>
      <c r="B171" s="2" t="s">
        <v>357</v>
      </c>
      <c r="C171" s="4" t="s">
        <v>358</v>
      </c>
      <c r="D171" s="2" t="s">
        <v>14</v>
      </c>
      <c r="E171" s="7">
        <v>131</v>
      </c>
      <c r="F171" s="2" t="s">
        <v>44</v>
      </c>
      <c r="G171" s="22"/>
    </row>
    <row r="172" spans="1:7" x14ac:dyDescent="0.35">
      <c r="A172" s="21"/>
      <c r="B172" s="2" t="s">
        <v>359</v>
      </c>
      <c r="C172" s="4" t="s">
        <v>360</v>
      </c>
      <c r="D172" s="2" t="s">
        <v>14</v>
      </c>
      <c r="E172" s="7">
        <v>131</v>
      </c>
      <c r="F172" s="2" t="s">
        <v>44</v>
      </c>
      <c r="G172" s="22"/>
    </row>
    <row r="173" spans="1:7" x14ac:dyDescent="0.35">
      <c r="A173" s="21"/>
      <c r="B173" s="2" t="s">
        <v>361</v>
      </c>
      <c r="C173" s="4" t="s">
        <v>362</v>
      </c>
      <c r="D173" s="2" t="s">
        <v>14</v>
      </c>
      <c r="E173" s="7">
        <v>131</v>
      </c>
      <c r="F173" s="2" t="s">
        <v>44</v>
      </c>
      <c r="G173" s="22"/>
    </row>
    <row r="174" spans="1:7" x14ac:dyDescent="0.35">
      <c r="A174" s="21"/>
      <c r="B174" s="2" t="s">
        <v>363</v>
      </c>
      <c r="C174" s="4" t="s">
        <v>364</v>
      </c>
      <c r="D174" s="2" t="s">
        <v>14</v>
      </c>
      <c r="E174" s="7">
        <v>131</v>
      </c>
      <c r="F174" s="2" t="s">
        <v>44</v>
      </c>
      <c r="G174" s="22"/>
    </row>
    <row r="175" spans="1:7" x14ac:dyDescent="0.35">
      <c r="A175" s="21" t="s">
        <v>365</v>
      </c>
      <c r="B175" s="2" t="s">
        <v>366</v>
      </c>
      <c r="C175" s="4" t="s">
        <v>367</v>
      </c>
      <c r="D175" s="2" t="s">
        <v>14</v>
      </c>
      <c r="E175" s="7">
        <v>131</v>
      </c>
      <c r="F175" s="2" t="s">
        <v>44</v>
      </c>
      <c r="G175" s="22"/>
    </row>
    <row r="176" spans="1:7" x14ac:dyDescent="0.35">
      <c r="A176" s="21"/>
      <c r="B176" s="2" t="s">
        <v>368</v>
      </c>
      <c r="C176" s="4" t="s">
        <v>369</v>
      </c>
      <c r="D176" s="2" t="s">
        <v>14</v>
      </c>
      <c r="E176" s="7">
        <v>131</v>
      </c>
      <c r="F176" s="2" t="s">
        <v>44</v>
      </c>
      <c r="G176" s="22"/>
    </row>
    <row r="177" spans="1:29" x14ac:dyDescent="0.35">
      <c r="A177" s="21" t="s">
        <v>370</v>
      </c>
      <c r="B177" s="2" t="s">
        <v>371</v>
      </c>
      <c r="C177" s="4" t="s">
        <v>372</v>
      </c>
      <c r="D177" s="2" t="s">
        <v>14</v>
      </c>
      <c r="E177" s="7">
        <v>131</v>
      </c>
      <c r="F177" s="2" t="s">
        <v>44</v>
      </c>
      <c r="G177" s="22"/>
    </row>
    <row r="178" spans="1:29" x14ac:dyDescent="0.35">
      <c r="A178" s="21"/>
      <c r="B178" s="2" t="s">
        <v>373</v>
      </c>
      <c r="C178" s="4" t="s">
        <v>374</v>
      </c>
      <c r="D178" s="2" t="s">
        <v>14</v>
      </c>
      <c r="E178" s="7">
        <v>131</v>
      </c>
      <c r="F178" s="2" t="s">
        <v>44</v>
      </c>
      <c r="G178" s="22"/>
    </row>
    <row r="179" spans="1:29" x14ac:dyDescent="0.35">
      <c r="A179" s="21"/>
      <c r="B179" s="2" t="s">
        <v>375</v>
      </c>
      <c r="C179" s="4" t="s">
        <v>376</v>
      </c>
      <c r="D179" s="2" t="s">
        <v>14</v>
      </c>
      <c r="E179" s="7">
        <v>131</v>
      </c>
      <c r="F179" s="2" t="s">
        <v>44</v>
      </c>
      <c r="G179" s="22"/>
    </row>
    <row r="180" spans="1:29" x14ac:dyDescent="0.35">
      <c r="A180" s="21"/>
      <c r="B180" s="2" t="s">
        <v>377</v>
      </c>
      <c r="C180" s="4" t="s">
        <v>370</v>
      </c>
      <c r="D180" s="2" t="s">
        <v>14</v>
      </c>
      <c r="E180" s="7">
        <v>131</v>
      </c>
      <c r="F180" s="2" t="s">
        <v>44</v>
      </c>
      <c r="G180" s="22"/>
    </row>
    <row r="181" spans="1:29" x14ac:dyDescent="0.35">
      <c r="A181" s="21"/>
      <c r="B181" s="2" t="s">
        <v>378</v>
      </c>
      <c r="C181" s="4" t="s">
        <v>379</v>
      </c>
      <c r="D181" s="2" t="s">
        <v>14</v>
      </c>
      <c r="E181" s="7">
        <v>131</v>
      </c>
      <c r="F181" s="2" t="s">
        <v>44</v>
      </c>
      <c r="G181" s="22"/>
    </row>
    <row r="182" spans="1:29" x14ac:dyDescent="0.35">
      <c r="A182" s="21"/>
      <c r="B182" s="2" t="s">
        <v>380</v>
      </c>
      <c r="C182" s="4" t="s">
        <v>381</v>
      </c>
      <c r="D182" s="2" t="s">
        <v>14</v>
      </c>
      <c r="E182" s="7">
        <v>131</v>
      </c>
      <c r="F182" s="2" t="s">
        <v>44</v>
      </c>
      <c r="G182" s="22"/>
    </row>
    <row r="183" spans="1:29" s="25" customFormat="1" x14ac:dyDescent="0.35">
      <c r="A183" s="21"/>
      <c r="B183" s="2" t="s">
        <v>382</v>
      </c>
      <c r="C183" s="4" t="s">
        <v>383</v>
      </c>
      <c r="D183" s="2" t="s">
        <v>14</v>
      </c>
      <c r="E183" s="7">
        <v>131</v>
      </c>
      <c r="F183" s="2" t="s">
        <v>44</v>
      </c>
      <c r="G183" s="22"/>
      <c r="H183" s="2"/>
      <c r="I183" s="2"/>
      <c r="J183" s="2"/>
      <c r="K183" s="2"/>
      <c r="L183" s="2"/>
      <c r="M183" s="2"/>
      <c r="N183" s="2"/>
      <c r="O183" s="2"/>
      <c r="P183" s="2"/>
      <c r="Q183" s="2"/>
      <c r="R183" s="2"/>
      <c r="S183" s="2"/>
      <c r="T183" s="2"/>
      <c r="U183" s="2"/>
      <c r="V183" s="2"/>
      <c r="W183" s="2"/>
      <c r="X183" s="2"/>
      <c r="Y183" s="2"/>
      <c r="Z183" s="2"/>
      <c r="AA183" s="2"/>
      <c r="AB183" s="2"/>
      <c r="AC183" s="2"/>
    </row>
    <row r="184" spans="1:29" x14ac:dyDescent="0.35">
      <c r="A184" s="21"/>
      <c r="B184" s="2" t="s">
        <v>384</v>
      </c>
      <c r="C184" s="4" t="s">
        <v>385</v>
      </c>
      <c r="D184" s="2" t="s">
        <v>14</v>
      </c>
      <c r="E184" s="7">
        <v>131</v>
      </c>
      <c r="F184" s="2" t="s">
        <v>44</v>
      </c>
      <c r="G184" s="22"/>
    </row>
    <row r="185" spans="1:29" x14ac:dyDescent="0.35">
      <c r="A185" s="21" t="s">
        <v>386</v>
      </c>
      <c r="B185" s="2" t="s">
        <v>387</v>
      </c>
      <c r="C185" s="4" t="s">
        <v>386</v>
      </c>
      <c r="D185" s="2" t="s">
        <v>14</v>
      </c>
      <c r="E185" s="7">
        <v>131</v>
      </c>
      <c r="F185" s="2" t="s">
        <v>44</v>
      </c>
      <c r="G185" s="22"/>
    </row>
    <row r="186" spans="1:29" x14ac:dyDescent="0.35">
      <c r="A186" s="21"/>
      <c r="B186" s="2" t="s">
        <v>388</v>
      </c>
      <c r="C186" s="4" t="s">
        <v>389</v>
      </c>
      <c r="D186" s="2" t="s">
        <v>14</v>
      </c>
      <c r="E186" s="7">
        <v>131</v>
      </c>
      <c r="F186" s="2" t="s">
        <v>44</v>
      </c>
      <c r="G186" s="22"/>
    </row>
    <row r="187" spans="1:29" x14ac:dyDescent="0.35">
      <c r="A187" s="21" t="s">
        <v>390</v>
      </c>
      <c r="B187" s="2" t="s">
        <v>391</v>
      </c>
      <c r="C187" s="4" t="s">
        <v>390</v>
      </c>
      <c r="D187" s="2" t="s">
        <v>14</v>
      </c>
      <c r="E187" s="7">
        <v>131</v>
      </c>
      <c r="F187" s="2" t="s">
        <v>44</v>
      </c>
      <c r="G187" s="22"/>
    </row>
    <row r="188" spans="1:29" x14ac:dyDescent="0.35">
      <c r="A188" s="21" t="s">
        <v>392</v>
      </c>
      <c r="B188" s="2" t="s">
        <v>393</v>
      </c>
      <c r="C188" s="4" t="s">
        <v>392</v>
      </c>
      <c r="D188" s="2" t="s">
        <v>14</v>
      </c>
      <c r="E188" s="7">
        <v>131</v>
      </c>
      <c r="F188" s="2" t="s">
        <v>44</v>
      </c>
      <c r="G188" s="22"/>
    </row>
    <row r="189" spans="1:29" x14ac:dyDescent="0.35">
      <c r="A189" s="21" t="s">
        <v>394</v>
      </c>
      <c r="B189" s="2" t="s">
        <v>395</v>
      </c>
      <c r="C189" s="4" t="s">
        <v>396</v>
      </c>
      <c r="D189" s="2" t="s">
        <v>14</v>
      </c>
      <c r="E189" s="7">
        <v>131</v>
      </c>
      <c r="F189" s="23" t="s">
        <v>397</v>
      </c>
      <c r="G189" s="22"/>
    </row>
    <row r="190" spans="1:29" x14ac:dyDescent="0.35">
      <c r="A190" s="21"/>
      <c r="B190" s="2" t="s">
        <v>398</v>
      </c>
      <c r="C190" s="4" t="s">
        <v>399</v>
      </c>
      <c r="D190" s="2" t="s">
        <v>14</v>
      </c>
      <c r="E190" s="7">
        <v>117</v>
      </c>
      <c r="F190" s="23" t="s">
        <v>397</v>
      </c>
      <c r="G190" s="22"/>
    </row>
    <row r="191" spans="1:29" x14ac:dyDescent="0.35">
      <c r="A191" s="21"/>
      <c r="B191" s="2" t="s">
        <v>400</v>
      </c>
      <c r="C191" s="4" t="s">
        <v>401</v>
      </c>
      <c r="D191" s="2" t="s">
        <v>14</v>
      </c>
      <c r="E191" s="7">
        <v>117</v>
      </c>
      <c r="F191" s="2" t="s">
        <v>44</v>
      </c>
      <c r="G191" s="22"/>
    </row>
    <row r="192" spans="1:29" x14ac:dyDescent="0.35">
      <c r="A192" s="11" t="s">
        <v>402</v>
      </c>
      <c r="B192" s="12" t="s">
        <v>403</v>
      </c>
      <c r="C192" s="13"/>
      <c r="D192" s="12"/>
      <c r="E192" s="14"/>
      <c r="F192" s="12"/>
      <c r="G192" s="26"/>
    </row>
    <row r="193" spans="1:7" x14ac:dyDescent="0.35">
      <c r="A193" s="21" t="s">
        <v>404</v>
      </c>
      <c r="B193" s="2" t="s">
        <v>405</v>
      </c>
      <c r="C193" s="4" t="s">
        <v>406</v>
      </c>
      <c r="D193" s="2" t="s">
        <v>14</v>
      </c>
      <c r="E193" s="7">
        <v>117</v>
      </c>
      <c r="F193" s="23" t="s">
        <v>328</v>
      </c>
      <c r="G193" s="22"/>
    </row>
    <row r="194" spans="1:7" x14ac:dyDescent="0.35">
      <c r="A194" s="21"/>
      <c r="B194" s="2" t="s">
        <v>408</v>
      </c>
      <c r="C194" s="4" t="s">
        <v>409</v>
      </c>
      <c r="D194" s="2" t="s">
        <v>14</v>
      </c>
      <c r="E194" s="7">
        <v>131</v>
      </c>
      <c r="F194" s="23" t="s">
        <v>92</v>
      </c>
      <c r="G194" s="22"/>
    </row>
    <row r="195" spans="1:7" x14ac:dyDescent="0.35">
      <c r="A195" s="21"/>
      <c r="B195" s="2" t="s">
        <v>410</v>
      </c>
      <c r="C195" s="4" t="s">
        <v>411</v>
      </c>
      <c r="D195" s="2" t="s">
        <v>14</v>
      </c>
      <c r="E195" s="7">
        <v>117</v>
      </c>
      <c r="F195" s="23" t="s">
        <v>412</v>
      </c>
      <c r="G195" s="22"/>
    </row>
    <row r="196" spans="1:7" x14ac:dyDescent="0.35">
      <c r="A196" s="21"/>
      <c r="B196" s="2" t="s">
        <v>413</v>
      </c>
      <c r="C196" s="4" t="s">
        <v>414</v>
      </c>
      <c r="D196" s="2" t="s">
        <v>9</v>
      </c>
      <c r="E196" s="7">
        <v>117</v>
      </c>
      <c r="F196" s="23" t="s">
        <v>412</v>
      </c>
      <c r="G196" s="22"/>
    </row>
    <row r="197" spans="1:7" x14ac:dyDescent="0.35">
      <c r="A197" s="21"/>
      <c r="B197" s="2" t="s">
        <v>415</v>
      </c>
      <c r="C197" s="4" t="s">
        <v>480</v>
      </c>
      <c r="D197" s="2" t="s">
        <v>14</v>
      </c>
      <c r="E197" s="7">
        <v>117</v>
      </c>
      <c r="F197" s="23" t="s">
        <v>412</v>
      </c>
      <c r="G197" s="22"/>
    </row>
    <row r="198" spans="1:7" x14ac:dyDescent="0.35">
      <c r="A198" s="21"/>
      <c r="B198" s="2" t="s">
        <v>416</v>
      </c>
      <c r="C198" s="4" t="s">
        <v>417</v>
      </c>
      <c r="D198" s="2" t="s">
        <v>9</v>
      </c>
      <c r="E198" s="7">
        <v>131</v>
      </c>
      <c r="F198" s="23" t="s">
        <v>92</v>
      </c>
      <c r="G198" s="22"/>
    </row>
    <row r="199" spans="1:7" x14ac:dyDescent="0.35">
      <c r="A199" s="21"/>
      <c r="B199" s="2" t="s">
        <v>418</v>
      </c>
      <c r="C199" s="4" t="s">
        <v>419</v>
      </c>
      <c r="D199" s="2" t="s">
        <v>14</v>
      </c>
      <c r="E199" s="7">
        <v>117</v>
      </c>
      <c r="F199" s="23" t="s">
        <v>412</v>
      </c>
      <c r="G199" s="22"/>
    </row>
    <row r="200" spans="1:7" x14ac:dyDescent="0.35">
      <c r="A200" s="21"/>
      <c r="B200" s="2" t="s">
        <v>420</v>
      </c>
      <c r="C200" s="4" t="s">
        <v>421</v>
      </c>
      <c r="D200" s="2" t="s">
        <v>14</v>
      </c>
      <c r="E200" s="7">
        <v>131</v>
      </c>
      <c r="F200" s="23" t="s">
        <v>412</v>
      </c>
      <c r="G200" s="22"/>
    </row>
    <row r="201" spans="1:7" x14ac:dyDescent="0.35">
      <c r="A201" s="21"/>
      <c r="B201" s="2" t="s">
        <v>422</v>
      </c>
      <c r="C201" s="4" t="s">
        <v>423</v>
      </c>
      <c r="D201" s="2" t="s">
        <v>14</v>
      </c>
      <c r="E201" s="7">
        <v>131</v>
      </c>
      <c r="F201" s="23" t="s">
        <v>92</v>
      </c>
      <c r="G201" s="22"/>
    </row>
    <row r="202" spans="1:7" x14ac:dyDescent="0.35">
      <c r="A202" s="21"/>
      <c r="B202" s="2" t="s">
        <v>424</v>
      </c>
      <c r="C202" s="4" t="s">
        <v>425</v>
      </c>
      <c r="D202" s="2" t="s">
        <v>9</v>
      </c>
      <c r="E202" s="7">
        <v>131</v>
      </c>
      <c r="F202" s="23" t="s">
        <v>92</v>
      </c>
      <c r="G202" s="22"/>
    </row>
    <row r="203" spans="1:7" ht="15" thickBot="1" x14ac:dyDescent="0.4">
      <c r="A203" s="27"/>
      <c r="B203" s="28" t="s">
        <v>426</v>
      </c>
      <c r="C203" s="5" t="s">
        <v>427</v>
      </c>
      <c r="D203" s="28" t="s">
        <v>9</v>
      </c>
      <c r="E203" s="29">
        <v>131</v>
      </c>
      <c r="F203" s="30" t="s">
        <v>92</v>
      </c>
      <c r="G203" s="31"/>
    </row>
  </sheetData>
  <phoneticPr fontId="3" type="noConversion"/>
  <printOptions gridLines="1"/>
  <pageMargins left="0.70866141732283472" right="0.70866141732283472" top="0.74803149606299213" bottom="0.74803149606299213" header="0.31496062992125984" footer="0.31496062992125984"/>
  <pageSetup paperSize="8" scale="62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94C6C1B-208B-493C-9E91-700FBC8EC772}">
  <dimension ref="A4:D17"/>
  <sheetViews>
    <sheetView topLeftCell="A5" workbookViewId="0">
      <selection activeCell="A13" sqref="A13"/>
    </sheetView>
  </sheetViews>
  <sheetFormatPr defaultRowHeight="14.5" x14ac:dyDescent="0.35"/>
  <sheetData>
    <row r="4" spans="1:4" x14ac:dyDescent="0.35">
      <c r="A4" s="1" t="s">
        <v>428</v>
      </c>
      <c r="B4" s="1"/>
    </row>
    <row r="5" spans="1:4" x14ac:dyDescent="0.35">
      <c r="B5" s="1" t="s">
        <v>429</v>
      </c>
    </row>
    <row r="6" spans="1:4" x14ac:dyDescent="0.35">
      <c r="B6" s="1"/>
    </row>
    <row r="7" spans="1:4" x14ac:dyDescent="0.35">
      <c r="A7" t="s">
        <v>430</v>
      </c>
    </row>
    <row r="8" spans="1:4" x14ac:dyDescent="0.35">
      <c r="A8" t="s">
        <v>431</v>
      </c>
    </row>
    <row r="9" spans="1:4" x14ac:dyDescent="0.35">
      <c r="A9" t="s">
        <v>432</v>
      </c>
    </row>
    <row r="10" spans="1:4" x14ac:dyDescent="0.35">
      <c r="A10" t="s">
        <v>433</v>
      </c>
      <c r="D10" s="1" t="s">
        <v>434</v>
      </c>
    </row>
    <row r="12" spans="1:4" x14ac:dyDescent="0.35">
      <c r="A12" t="s">
        <v>435</v>
      </c>
    </row>
    <row r="13" spans="1:4" x14ac:dyDescent="0.35">
      <c r="A13" t="s">
        <v>436</v>
      </c>
      <c r="B13">
        <v>99</v>
      </c>
      <c r="C13" t="s">
        <v>437</v>
      </c>
      <c r="D13" t="s">
        <v>438</v>
      </c>
    </row>
    <row r="14" spans="1:4" x14ac:dyDescent="0.35">
      <c r="B14">
        <v>109</v>
      </c>
      <c r="C14" t="s">
        <v>439</v>
      </c>
      <c r="D14" t="s">
        <v>438</v>
      </c>
    </row>
    <row r="15" spans="1:4" x14ac:dyDescent="0.35">
      <c r="B15">
        <v>122</v>
      </c>
      <c r="C15" t="s">
        <v>439</v>
      </c>
      <c r="D15" t="s">
        <v>440</v>
      </c>
    </row>
    <row r="17" spans="1:4" x14ac:dyDescent="0.35">
      <c r="A17" t="s">
        <v>441</v>
      </c>
      <c r="B17">
        <v>122</v>
      </c>
      <c r="C17" t="s">
        <v>439</v>
      </c>
      <c r="D17" t="s">
        <v>442</v>
      </c>
    </row>
  </sheetData>
  <pageMargins left="0.7" right="0.7" top="0.75" bottom="0.75" header="0.3" footer="0.3"/>
  <pageSetup paperSize="9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F2B2C5F-F332-4889-B96D-91A5B3FBC99C}">
  <dimension ref="A3:D23"/>
  <sheetViews>
    <sheetView workbookViewId="0">
      <selection activeCell="A13" sqref="A13"/>
    </sheetView>
  </sheetViews>
  <sheetFormatPr defaultRowHeight="14.5" x14ac:dyDescent="0.35"/>
  <cols>
    <col min="1" max="1" width="38.81640625" bestFit="1" customWidth="1"/>
    <col min="2" max="2" width="39" bestFit="1" customWidth="1"/>
    <col min="3" max="3" width="53.26953125" bestFit="1" customWidth="1"/>
  </cols>
  <sheetData>
    <row r="3" spans="1:4" x14ac:dyDescent="0.35">
      <c r="A3" t="s">
        <v>443</v>
      </c>
    </row>
    <row r="4" spans="1:4" x14ac:dyDescent="0.35">
      <c r="A4" t="s">
        <v>444</v>
      </c>
      <c r="B4" t="s">
        <v>445</v>
      </c>
      <c r="C4" t="s">
        <v>446</v>
      </c>
      <c r="D4" t="s">
        <v>447</v>
      </c>
    </row>
    <row r="5" spans="1:4" x14ac:dyDescent="0.35">
      <c r="A5" t="s">
        <v>44</v>
      </c>
      <c r="B5" t="s">
        <v>448</v>
      </c>
      <c r="C5" t="s">
        <v>449</v>
      </c>
      <c r="D5" t="s">
        <v>450</v>
      </c>
    </row>
    <row r="8" spans="1:4" x14ac:dyDescent="0.35">
      <c r="A8" t="s">
        <v>451</v>
      </c>
      <c r="B8" t="s">
        <v>452</v>
      </c>
      <c r="C8" t="s">
        <v>449</v>
      </c>
      <c r="D8" t="s">
        <v>450</v>
      </c>
    </row>
    <row r="9" spans="1:4" x14ac:dyDescent="0.35">
      <c r="A9" t="s">
        <v>453</v>
      </c>
      <c r="B9" t="s">
        <v>448</v>
      </c>
      <c r="C9" t="s">
        <v>449</v>
      </c>
      <c r="D9" t="s">
        <v>450</v>
      </c>
    </row>
    <row r="10" spans="1:4" x14ac:dyDescent="0.35">
      <c r="A10" t="s">
        <v>454</v>
      </c>
      <c r="B10" t="s">
        <v>448</v>
      </c>
      <c r="C10" t="s">
        <v>449</v>
      </c>
      <c r="D10" t="s">
        <v>455</v>
      </c>
    </row>
    <row r="11" spans="1:4" x14ac:dyDescent="0.35">
      <c r="A11" t="s">
        <v>456</v>
      </c>
      <c r="B11" t="s">
        <v>448</v>
      </c>
      <c r="C11" t="s">
        <v>449</v>
      </c>
      <c r="D11" t="s">
        <v>450</v>
      </c>
    </row>
    <row r="12" spans="1:4" x14ac:dyDescent="0.35">
      <c r="A12" t="s">
        <v>187</v>
      </c>
      <c r="B12" t="s">
        <v>457</v>
      </c>
      <c r="C12" t="s">
        <v>458</v>
      </c>
      <c r="D12" t="s">
        <v>455</v>
      </c>
    </row>
    <row r="13" spans="1:4" x14ac:dyDescent="0.35">
      <c r="A13" t="s">
        <v>459</v>
      </c>
      <c r="B13" t="s">
        <v>460</v>
      </c>
      <c r="C13" t="s">
        <v>461</v>
      </c>
      <c r="D13" t="s">
        <v>461</v>
      </c>
    </row>
    <row r="14" spans="1:4" x14ac:dyDescent="0.35">
      <c r="A14" t="s">
        <v>462</v>
      </c>
      <c r="B14" t="s">
        <v>460</v>
      </c>
      <c r="C14" t="s">
        <v>461</v>
      </c>
      <c r="D14" t="s">
        <v>461</v>
      </c>
    </row>
    <row r="15" spans="1:4" x14ac:dyDescent="0.35">
      <c r="A15" t="s">
        <v>463</v>
      </c>
      <c r="B15" t="s">
        <v>460</v>
      </c>
      <c r="C15" t="s">
        <v>461</v>
      </c>
      <c r="D15" t="s">
        <v>461</v>
      </c>
    </row>
    <row r="16" spans="1:4" x14ac:dyDescent="0.35">
      <c r="A16" t="s">
        <v>464</v>
      </c>
      <c r="B16" t="s">
        <v>448</v>
      </c>
      <c r="C16" t="s">
        <v>458</v>
      </c>
      <c r="D16" t="s">
        <v>465</v>
      </c>
    </row>
    <row r="17" spans="1:4" x14ac:dyDescent="0.35">
      <c r="A17" t="s">
        <v>466</v>
      </c>
      <c r="B17" t="s">
        <v>457</v>
      </c>
      <c r="C17" t="s">
        <v>458</v>
      </c>
      <c r="D17" t="s">
        <v>455</v>
      </c>
    </row>
    <row r="18" spans="1:4" x14ac:dyDescent="0.35">
      <c r="A18" t="s">
        <v>467</v>
      </c>
      <c r="B18" t="s">
        <v>468</v>
      </c>
      <c r="C18" t="s">
        <v>458</v>
      </c>
      <c r="D18" t="s">
        <v>449</v>
      </c>
    </row>
    <row r="19" spans="1:4" x14ac:dyDescent="0.35">
      <c r="A19" t="s">
        <v>469</v>
      </c>
      <c r="B19" t="s">
        <v>468</v>
      </c>
      <c r="C19" t="s">
        <v>458</v>
      </c>
      <c r="D19" t="s">
        <v>470</v>
      </c>
    </row>
    <row r="20" spans="1:4" x14ac:dyDescent="0.35">
      <c r="A20" t="s">
        <v>471</v>
      </c>
      <c r="B20" t="s">
        <v>472</v>
      </c>
      <c r="C20" t="s">
        <v>461</v>
      </c>
      <c r="D20" t="s">
        <v>461</v>
      </c>
    </row>
    <row r="21" spans="1:4" x14ac:dyDescent="0.35">
      <c r="A21" t="s">
        <v>473</v>
      </c>
      <c r="B21" t="s">
        <v>472</v>
      </c>
      <c r="C21" t="s">
        <v>461</v>
      </c>
      <c r="D21" t="s">
        <v>461</v>
      </c>
    </row>
    <row r="22" spans="1:4" x14ac:dyDescent="0.35">
      <c r="A22" t="s">
        <v>474</v>
      </c>
      <c r="B22" t="s">
        <v>407</v>
      </c>
      <c r="C22" t="s">
        <v>475</v>
      </c>
      <c r="D22" t="s">
        <v>475</v>
      </c>
    </row>
    <row r="23" spans="1:4" x14ac:dyDescent="0.35">
      <c r="B23" t="s">
        <v>476</v>
      </c>
    </row>
  </sheetData>
  <pageMargins left="0.7" right="0.7" top="0.75" bottom="0.75" header="0.3" footer="0.3"/>
  <pageSetup paperSize="9" orientation="portrait" verticalDpi="0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F554A55E1A5C40862F1C061DC38609" ma:contentTypeVersion="9" ma:contentTypeDescription="Een nieuw document maken." ma:contentTypeScope="" ma:versionID="afcabacd1332a06eb9943611675ff78f">
  <xsd:schema xmlns:xsd="http://www.w3.org/2001/XMLSchema" xmlns:xs="http://www.w3.org/2001/XMLSchema" xmlns:p="http://schemas.microsoft.com/office/2006/metadata/properties" xmlns:ns3="5049b9dc-3571-4dae-aa21-64949a976d33" xmlns:ns4="b0b85bb5-7871-4102-8150-4c845e084ea5" targetNamespace="http://schemas.microsoft.com/office/2006/metadata/properties" ma:root="true" ma:fieldsID="739c426601240a769efd4e078712fc64" ns3:_="" ns4:_="">
    <xsd:import namespace="5049b9dc-3571-4dae-aa21-64949a976d33"/>
    <xsd:import namespace="b0b85bb5-7871-4102-8150-4c845e084ea5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LengthInSeconds" minOccurs="0"/>
                <xsd:element ref="ns4:_activity" minOccurs="0"/>
                <xsd:element ref="ns4:MediaServiceAutoTag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049b9dc-3571-4dae-aa21-64949a976d3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Hint-hash delen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0b85bb5-7871-4102-8150-4c845e084ea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_activity" ma:index="15" nillable="true" ma:displayName="_activity" ma:hidden="true" ma:internalName="_activity">
      <xsd:simpleType>
        <xsd:restriction base="dms:Note"/>
      </xsd:simpleType>
    </xsd:element>
    <xsd:element name="MediaServiceAutoTags" ma:index="16" nillable="true" ma:displayName="Tags" ma:internalName="MediaServiceAutoTag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b0b85bb5-7871-4102-8150-4c845e084ea5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04CFA24E-2C96-48EC-8C20-EEF0DDC0CA1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049b9dc-3571-4dae-aa21-64949a976d33"/>
    <ds:schemaRef ds:uri="b0b85bb5-7871-4102-8150-4c845e084ea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EF75C13B-3DC2-45CC-A155-A7659F8E060A}">
  <ds:schemaRefs/>
</ds:datastoreItem>
</file>

<file path=customXml/itemProps3.xml><?xml version="1.0" encoding="utf-8"?>
<ds:datastoreItem xmlns:ds="http://schemas.openxmlformats.org/officeDocument/2006/customXml" ds:itemID="{865AC903-CF26-4128-B920-627EC61D5343}">
  <ds:schemaRefs/>
</ds:datastoreItem>
</file>

<file path=customXml/itemProps4.xml><?xml version="1.0" encoding="utf-8"?>
<ds:datastoreItem xmlns:ds="http://schemas.openxmlformats.org/officeDocument/2006/customXml" ds:itemID="{9D2F912D-2DD7-4040-A44E-63883E828719}">
  <ds:schemaRefs>
    <ds:schemaRef ds:uri="http://schemas.microsoft.com/office/2006/metadata/properties"/>
    <ds:schemaRef ds:uri="http://schemas.microsoft.com/office/infopath/2007/PartnerControls"/>
    <ds:schemaRef ds:uri="b0b85bb5-7871-4102-8150-4c845e084ea5"/>
  </ds:schemaRefs>
</ds:datastoreItem>
</file>

<file path=customXml/itemProps5.xml><?xml version="1.0" encoding="utf-8"?>
<ds:datastoreItem xmlns:ds="http://schemas.openxmlformats.org/officeDocument/2006/customXml" ds:itemID="{7606F312-81C6-47FE-9012-810F72EA723F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3</vt:i4>
      </vt:variant>
    </vt:vector>
  </HeadingPairs>
  <TitlesOfParts>
    <vt:vector size="3" baseType="lpstr">
      <vt:lpstr>PDC2024</vt:lpstr>
      <vt:lpstr>projecten open</vt:lpstr>
      <vt:lpstr>proceseigenaren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ngrid Hospel</dc:creator>
  <cp:keywords/>
  <dc:description/>
  <cp:lastModifiedBy>Ingrid Hospel</cp:lastModifiedBy>
  <cp:revision/>
  <cp:lastPrinted>2023-07-14T13:11:25Z</cp:lastPrinted>
  <dcterms:created xsi:type="dcterms:W3CDTF">2023-04-10T07:56:28Z</dcterms:created>
  <dcterms:modified xsi:type="dcterms:W3CDTF">2024-03-04T14:49:33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dzob</vt:lpwstr>
  </property>
  <property fmtid="{D5CDD505-2E9C-101B-9397-08002B2CF9AE}" pid="3" name="TemplafyTemplateId">
    <vt:lpwstr>638049558598188363</vt:lpwstr>
  </property>
  <property fmtid="{D5CDD505-2E9C-101B-9397-08002B2CF9AE}" pid="4" name="TemplafyUserProfileId">
    <vt:lpwstr>637922710287873303</vt:lpwstr>
  </property>
  <property fmtid="{D5CDD505-2E9C-101B-9397-08002B2CF9AE}" pid="5" name="TemplafyFromBlank">
    <vt:bool>true</vt:bool>
  </property>
  <property fmtid="{D5CDD505-2E9C-101B-9397-08002B2CF9AE}" pid="6" name="ContentTypeId">
    <vt:lpwstr>0x010100DCF554A55E1A5C40862F1C061DC38609</vt:lpwstr>
  </property>
</Properties>
</file>